
<file path=[Content_Types].xml><?xml version="1.0" encoding="utf-8"?>
<Types xmlns="http://schemas.openxmlformats.org/package/2006/content-types">
  <Override PartName="/ppt/slides/slide6.xml" ContentType="application/vnd.openxmlformats-officedocument.presentationml.slide+xml"/>
  <Override PartName="/ppt/slides/slide29.xml" ContentType="application/vnd.openxmlformats-officedocument.presentationml.slide+xml"/>
  <Override PartName="/ppt/slideLayouts/slideLayout8.xml" ContentType="application/vnd.openxmlformats-officedocument.presentationml.slideLayout+xml"/>
  <Override PartName="/ppt/notesSlides/notesSlide2.xml" ContentType="application/vnd.openxmlformats-officedocument.presentationml.notesSlide+xml"/>
  <Override PartName="/ppt/slideMasters/slideMaster1.xml" ContentType="application/vnd.openxmlformats-officedocument.presentationml.slideMaster+xml"/>
  <Override PartName="/ppt/slides/slide4.xml" ContentType="application/vnd.openxmlformats-officedocument.presentationml.slide+xml"/>
  <Override PartName="/ppt/slides/slide18.xml" ContentType="application/vnd.openxmlformats-officedocument.presentationml.slide+xml"/>
  <Override PartName="/ppt/slides/slide27.xml" ContentType="application/vnd.openxmlformats-officedocument.presentationml.slide+xml"/>
  <Override PartName="/ppt/slideLayouts/slideLayout4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17.xml" ContentType="application/vnd.openxmlformats-officedocument.presentationml.slideLayout+xml"/>
  <Override PartName="/ppt/theme/theme3.xml" ContentType="application/vnd.openxmlformats-officedocument.theme+xml"/>
  <Override PartName="/ppt/charts/chart19.xml" ContentType="application/vnd.openxmlformats-officedocument.drawingml.chart+xml"/>
  <Override PartName="/ppt/slides/slide2.xml" ContentType="application/vnd.openxmlformats-officedocument.presentationml.slide+xml"/>
  <Override PartName="/ppt/slides/slide16.xml" ContentType="application/vnd.openxmlformats-officedocument.presentationml.slide+xml"/>
  <Override PartName="/ppt/slides/slide25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15.xml" ContentType="application/vnd.openxmlformats-officedocument.presentationml.slideLayout+xml"/>
  <Default Extension="wmf" ContentType="image/x-wmf"/>
  <Override PartName="/ppt/charts/chart17.xml" ContentType="application/vnd.openxmlformats-officedocument.drawingml.chart+xml"/>
  <Default Extension="rels" ContentType="application/vnd.openxmlformats-package.relationships+xml"/>
  <Default Extension="xml" ContentType="application/xml"/>
  <Override PartName="/ppt/slides/slide14.xml" ContentType="application/vnd.openxmlformats-officedocument.presentationml.slide+xml"/>
  <Override PartName="/ppt/slides/slide23.xml" ContentType="application/vnd.openxmlformats-officedocument.presentationml.slide+xml"/>
  <Override PartName="/ppt/slides/slide32.xml" ContentType="application/vnd.openxmlformats-officedocument.presentationml.slide+xml"/>
  <Override PartName="/ppt/notesMasters/notesMaster1.xml" ContentType="application/vnd.openxmlformats-officedocument.presentationml.notesMaster+xml"/>
  <Override PartName="/ppt/slideLayouts/slideLayout13.xml" ContentType="application/vnd.openxmlformats-officedocument.presentationml.slideLayout+xml"/>
  <Override PartName="/ppt/charts/chart13.xml" ContentType="application/vnd.openxmlformats-officedocument.drawingml.chart+xml"/>
  <Override PartName="/ppt/charts/chart15.xml" ContentType="application/vnd.openxmlformats-officedocument.drawingml.chart+xml"/>
  <Override PartName="/ppt/slides/slide10.xml" ContentType="application/vnd.openxmlformats-officedocument.presentationml.slide+xml"/>
  <Override PartName="/ppt/slides/slide12.xml" ContentType="application/vnd.openxmlformats-officedocument.presentationml.slide+xml"/>
  <Override PartName="/ppt/slides/slide21.xml" ContentType="application/vnd.openxmlformats-officedocument.presentationml.slide+xml"/>
  <Override PartName="/ppt/slides/slide30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charts/chart9.xml" ContentType="application/vnd.openxmlformats-officedocument.drawingml.chart+xml"/>
  <Override PartName="/ppt/charts/chart11.xml" ContentType="application/vnd.openxmlformats-officedocument.drawingml.chart+xml"/>
  <Override PartName="/ppt/charts/chart7.xml" ContentType="application/vnd.openxmlformats-officedocument.drawingml.chart+xml"/>
  <Override PartName="/ppt/charts/chart3.xml" ContentType="application/vnd.openxmlformats-officedocument.drawingml.chart+xml"/>
  <Override PartName="/ppt/charts/chart5.xml" ContentType="application/vnd.openxmlformats-officedocument.drawingml.chart+xml"/>
  <Default Extension="xlsx" ContentType="application/vnd.openxmlformats-officedocument.spreadsheetml.sheet"/>
  <Override PartName="/ppt/slides/slide7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slides/slide5.xml" ContentType="application/vnd.openxmlformats-officedocument.presentationml.slide+xml"/>
  <Override PartName="/ppt/slides/slide19.xml" ContentType="application/vnd.openxmlformats-officedocument.presentationml.slide+xml"/>
  <Override PartName="/ppt/slides/slide28.xml" ContentType="application/vnd.openxmlformats-officedocument.presentationml.slide+xml"/>
  <Override PartName="/ppt/slideLayouts/slideLayout7.xml" ContentType="application/vnd.openxmlformats-officedocument.presentationml.slideLayout+xml"/>
  <Override PartName="/ppt/notesSlides/notesSlide1.xml" ContentType="application/vnd.openxmlformats-officedocument.presentationml.notesSlide+xml"/>
  <Default Extension="png" ContentType="image/png"/>
  <Override PartName="/ppt/notesSlides/notesSlide3.xml" ContentType="application/vnd.openxmlformats-officedocument.presentationml.notesSlide+xml"/>
  <Override PartName="/ppt/slides/slide3.xml" ContentType="application/vnd.openxmlformats-officedocument.presentationml.slide+xml"/>
  <Override PartName="/ppt/slides/slide17.xml" ContentType="application/vnd.openxmlformats-officedocument.presentationml.slide+xml"/>
  <Override PartName="/ppt/slides/slide26.xml" ContentType="application/vnd.openxmlformats-officedocument.presentationml.slide+xml"/>
  <Override PartName="/ppt/presProps.xml" ContentType="application/vnd.openxmlformats-officedocument.presentationml.presProps+xml"/>
  <Override PartName="/ppt/slideLayouts/slideLayout5.xml" ContentType="application/vnd.openxmlformats-officedocument.presentationml.slideLayout+xml"/>
  <Override PartName="/ppt/slideLayouts/slideLayout18.xml" ContentType="application/vnd.openxmlformats-officedocument.presentationml.slideLayout+xml"/>
  <Override PartName="/ppt/theme/theme2.xml" ContentType="application/vnd.openxmlformats-officedocument.theme+xml"/>
  <Override PartName="/ppt/charts/chart18.xml" ContentType="application/vnd.openxmlformats-officedocument.drawingml.chart+xml"/>
  <Override PartName="/ppt/slides/slide1.xml" ContentType="application/vnd.openxmlformats-officedocument.presentationml.slide+xml"/>
  <Override PartName="/ppt/slides/slide15.xml" ContentType="application/vnd.openxmlformats-officedocument.presentationml.slide+xml"/>
  <Override PartName="/ppt/slides/slide24.xml" ContentType="application/vnd.openxmlformats-officedocument.presentationml.slide+xml"/>
  <Override PartName="/ppt/slides/slide33.xml" ContentType="application/vnd.openxmlformats-officedocument.presentationml.slide+xml"/>
  <Override PartName="/ppt/slideLayouts/slideLayout3.xml" ContentType="application/vnd.openxmlformats-officedocument.presentationml.slideLayout+xml"/>
  <Override PartName="/ppt/slideLayouts/slideLayout16.xml" ContentType="application/vnd.openxmlformats-officedocument.presentationml.slideLayout+xml"/>
  <Default Extension="jpeg" ContentType="image/jpeg"/>
  <Default Extension="emf" ContentType="image/x-emf"/>
  <Override PartName="/ppt/charts/chart16.xml" ContentType="application/vnd.openxmlformats-officedocument.drawingml.chart+xml"/>
  <Override PartName="/ppt/presentation.xml" ContentType="application/vnd.openxmlformats-officedocument.presentationml.presentation.main+xml"/>
  <Override PartName="/ppt/slides/slide13.xml" ContentType="application/vnd.openxmlformats-officedocument.presentationml.slide+xml"/>
  <Override PartName="/ppt/slides/slide22.xml" ContentType="application/vnd.openxmlformats-officedocument.presentationml.slide+xml"/>
  <Override PartName="/ppt/slides/slide31.xml" ContentType="application/vnd.openxmlformats-officedocument.presentationml.slide+xml"/>
  <Override PartName="/ppt/slideLayouts/slideLayout1.xml" ContentType="application/vnd.openxmlformats-officedocument.presentationml.slideLayout+xml"/>
  <Override PartName="/ppt/slideLayouts/slideLayout14.xml" ContentType="application/vnd.openxmlformats-officedocument.presentationml.slideLayout+xml"/>
  <Override PartName="/ppt/charts/chart14.xml" ContentType="application/vnd.openxmlformats-officedocument.drawingml.chart+xml"/>
  <Override PartName="/docProps/app.xml" ContentType="application/vnd.openxmlformats-officedocument.extended-properties+xml"/>
  <Override PartName="/ppt/slides/slide11.xml" ContentType="application/vnd.openxmlformats-officedocument.presentationml.slide+xml"/>
  <Override PartName="/ppt/slides/slide20.xml" ContentType="application/vnd.openxmlformats-officedocument.presentationml.slide+xml"/>
  <Override PartName="/ppt/slideLayouts/slideLayout12.xml" ContentType="application/vnd.openxmlformats-officedocument.presentationml.slideLayout+xml"/>
  <Override PartName="/ppt/charts/chart8.xml" ContentType="application/vnd.openxmlformats-officedocument.drawingml.chart+xml"/>
  <Override PartName="/ppt/charts/chart12.xml" ContentType="application/vnd.openxmlformats-officedocument.drawingml.chart+xml"/>
  <Override PartName="/ppt/slideLayouts/slideLayout10.xml" ContentType="application/vnd.openxmlformats-officedocument.presentationml.slideLayout+xml"/>
  <Default Extension="gif" ContentType="image/gif"/>
  <Override PartName="/ppt/charts/chart6.xml" ContentType="application/vnd.openxmlformats-officedocument.drawingml.chart+xml"/>
  <Override PartName="/ppt/charts/chart10.xml" ContentType="application/vnd.openxmlformats-officedocument.drawingml.chart+xml"/>
  <Override PartName="/ppt/charts/chart4.xml" ContentType="application/vnd.openxmlformats-officedocument.drawingml.chart+xml"/>
  <Override PartName="/ppt/slides/slide8.xml" ContentType="application/vnd.openxmlformats-officedocument.presentationml.slide+xml"/>
  <Override PartName="/ppt/handoutMasters/handoutMaster1.xml" ContentType="application/vnd.openxmlformats-officedocument.presentationml.handoutMaster+xml"/>
  <Override PartName="/ppt/charts/chart2.xml" ContentType="application/vnd.openxmlformats-officedocument.drawingml.char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trictFirstAndLastChars="0" saveSubsetFonts="1">
  <p:sldMasterIdLst>
    <p:sldMasterId id="2147483675" r:id="rId1"/>
  </p:sldMasterIdLst>
  <p:notesMasterIdLst>
    <p:notesMasterId r:id="rId35"/>
  </p:notesMasterIdLst>
  <p:handoutMasterIdLst>
    <p:handoutMasterId r:id="rId36"/>
  </p:handoutMasterIdLst>
  <p:sldIdLst>
    <p:sldId id="1103" r:id="rId2"/>
    <p:sldId id="1119" r:id="rId3"/>
    <p:sldId id="1375" r:id="rId4"/>
    <p:sldId id="1376" r:id="rId5"/>
    <p:sldId id="1357" r:id="rId6"/>
    <p:sldId id="1322" r:id="rId7"/>
    <p:sldId id="1330" r:id="rId8"/>
    <p:sldId id="1323" r:id="rId9"/>
    <p:sldId id="1372" r:id="rId10"/>
    <p:sldId id="1328" r:id="rId11"/>
    <p:sldId id="1329" r:id="rId12"/>
    <p:sldId id="1331" r:id="rId13"/>
    <p:sldId id="1332" r:id="rId14"/>
    <p:sldId id="1333" r:id="rId15"/>
    <p:sldId id="1334" r:id="rId16"/>
    <p:sldId id="1362" r:id="rId17"/>
    <p:sldId id="1364" r:id="rId18"/>
    <p:sldId id="1366" r:id="rId19"/>
    <p:sldId id="1201" r:id="rId20"/>
    <p:sldId id="1371" r:id="rId21"/>
    <p:sldId id="1343" r:id="rId22"/>
    <p:sldId id="1344" r:id="rId23"/>
    <p:sldId id="1368" r:id="rId24"/>
    <p:sldId id="1369" r:id="rId25"/>
    <p:sldId id="1335" r:id="rId26"/>
    <p:sldId id="1336" r:id="rId27"/>
    <p:sldId id="1337" r:id="rId28"/>
    <p:sldId id="1338" r:id="rId29"/>
    <p:sldId id="1339" r:id="rId30"/>
    <p:sldId id="1340" r:id="rId31"/>
    <p:sldId id="1341" r:id="rId32"/>
    <p:sldId id="1324" r:id="rId33"/>
    <p:sldId id="1024" r:id="rId34"/>
  </p:sldIdLst>
  <p:sldSz cx="9144000" cy="6858000" type="screen4x3"/>
  <p:notesSz cx="9296400" cy="6858000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pitchFamily="34" charset="0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pitchFamily="34" charset="0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pitchFamily="34" charset="0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pitchFamily="34" charset="0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Tahoma" pitchFamily="34" charset="0"/>
        <a:ea typeface="+mn-ea"/>
        <a:cs typeface="Arial" pitchFamily="34" charset="0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Arial" pitchFamily="34" charset="0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Arial" pitchFamily="34" charset="0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Arial" pitchFamily="34" charset="0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Tahoma" pitchFamily="34" charset="0"/>
        <a:ea typeface="+mn-ea"/>
        <a:cs typeface="Arial" pitchFamily="34" charset="0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clrMru>
    <a:srgbClr val="0033CC"/>
    <a:srgbClr val="FF66FF"/>
    <a:srgbClr val="FF3300"/>
    <a:srgbClr val="00FFFF"/>
    <a:srgbClr val="33CC33"/>
    <a:srgbClr val="0B0BFF"/>
    <a:srgbClr val="3333FF"/>
    <a:srgbClr val="00FF00"/>
  </p:clrMru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23153" autoAdjust="0"/>
    <p:restoredTop sz="88138" autoAdjust="0"/>
  </p:normalViewPr>
  <p:slideViewPr>
    <p:cSldViewPr snapToGrid="0">
      <p:cViewPr>
        <p:scale>
          <a:sx n="66" d="100"/>
          <a:sy n="66" d="100"/>
        </p:scale>
        <p:origin x="-1494" y="-432"/>
      </p:cViewPr>
      <p:guideLst>
        <p:guide orient="horz" pos="2160"/>
        <p:guide pos="963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notesViewPr>
    <p:cSldViewPr snapToGrid="0">
      <p:cViewPr varScale="1">
        <p:scale>
          <a:sx n="40" d="100"/>
          <a:sy n="40" d="100"/>
        </p:scale>
        <p:origin x="-1314" y="-96"/>
      </p:cViewPr>
      <p:guideLst>
        <p:guide orient="horz" pos="2160"/>
        <p:guide pos="2928"/>
      </p:guideLst>
    </p:cSldViewPr>
  </p:notesViewPr>
  <p:gridSpacing cx="46816963" cy="46816963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slide" Target="slides/slide25.xml"/><Relationship Id="rId39" Type="http://schemas.openxmlformats.org/officeDocument/2006/relationships/theme" Target="theme/theme1.xml"/><Relationship Id="rId3" Type="http://schemas.openxmlformats.org/officeDocument/2006/relationships/slide" Target="slides/slide2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viewProps" Target="viewProps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29" Type="http://schemas.openxmlformats.org/officeDocument/2006/relationships/slide" Target="slides/slide28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presProps" Target="presProps.xml"/><Relationship Id="rId40" Type="http://schemas.openxmlformats.org/officeDocument/2006/relationships/tableStyles" Target="tableStyle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handoutMaster" Target="handoutMasters/handoutMaster1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31" Type="http://schemas.openxmlformats.org/officeDocument/2006/relationships/slide" Target="slides/slide30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notesMaster" Target="notesMasters/notesMaster1.xml"/></Relationships>
</file>

<file path=ppt/charts/_rels/chart1.xml.rels><?xml version="1.0" encoding="UTF-8" standalone="yes"?>
<Relationships xmlns="http://schemas.openxmlformats.org/package/2006/relationships"><Relationship Id="rId1" Type="http://schemas.openxmlformats.org/officeDocument/2006/relationships/oleObject" Target="file:///C:\OpenGrADS\Contents\Cygwin\Versions\2.0.1.oga.1\i686\Sindh.xlsx" TargetMode="External"/></Relationships>
</file>

<file path=ppt/charts/_rels/chart10.xml.rels><?xml version="1.0" encoding="UTF-8" standalone="yes"?>
<Relationships xmlns="http://schemas.openxmlformats.org/package/2006/relationships"><Relationship Id="rId1" Type="http://schemas.openxmlformats.org/officeDocument/2006/relationships/oleObject" Target="file:///F:\CRU2\KPK.xlsx" TargetMode="External"/></Relationships>
</file>

<file path=ppt/charts/_rels/chart11.xml.rels><?xml version="1.0" encoding="UTF-8" standalone="yes"?>
<Relationships xmlns="http://schemas.openxmlformats.org/package/2006/relationships"><Relationship Id="rId1" Type="http://schemas.openxmlformats.org/officeDocument/2006/relationships/oleObject" Target="file:///F:\Data_CRU-1\GB.xlsx" TargetMode="External"/></Relationships>
</file>

<file path=ppt/charts/_rels/chart12.xml.rels><?xml version="1.0" encoding="UTF-8" standalone="yes"?>
<Relationships xmlns="http://schemas.openxmlformats.org/package/2006/relationships"><Relationship Id="rId1" Type="http://schemas.openxmlformats.org/officeDocument/2006/relationships/oleObject" Target="file:///F:\Data_CRU-1\Kashmir.xlsx" TargetMode="External"/></Relationships>
</file>

<file path=ppt/charts/_rels/chart13.xml.rels><?xml version="1.0" encoding="UTF-8" standalone="yes"?>
<Relationships xmlns="http://schemas.openxmlformats.org/package/2006/relationships"><Relationship Id="rId1" Type="http://schemas.openxmlformats.org/officeDocument/2006/relationships/oleObject" Target="file:///F:\CRU2\Sindh.xlsx" TargetMode="External"/></Relationships>
</file>

<file path=ppt/charts/_rels/chart14.xml.rels><?xml version="1.0" encoding="UTF-8" standalone="yes"?>
<Relationships xmlns="http://schemas.openxmlformats.org/package/2006/relationships"><Relationship Id="rId1" Type="http://schemas.openxmlformats.org/officeDocument/2006/relationships/oleObject" Target="file:///F:\CRU2\punjab.xlsx" TargetMode="External"/></Relationships>
</file>

<file path=ppt/charts/_rels/chart15.xml.rels><?xml version="1.0" encoding="UTF-8" standalone="yes"?>
<Relationships xmlns="http://schemas.openxmlformats.org/package/2006/relationships"><Relationship Id="rId1" Type="http://schemas.openxmlformats.org/officeDocument/2006/relationships/oleObject" Target="file:///F:\Data_CRU-1\Balochistan.xlsx" TargetMode="External"/></Relationships>
</file>

<file path=ppt/charts/_rels/chart16.xml.rels><?xml version="1.0" encoding="UTF-8" standalone="yes"?>
<Relationships xmlns="http://schemas.openxmlformats.org/package/2006/relationships"><Relationship Id="rId1" Type="http://schemas.openxmlformats.org/officeDocument/2006/relationships/oleObject" Target="file:///F:\CRU2\KPK.xlsx" TargetMode="External"/></Relationships>
</file>

<file path=ppt/charts/_rels/chart17.xml.rels><?xml version="1.0" encoding="UTF-8" standalone="yes"?>
<Relationships xmlns="http://schemas.openxmlformats.org/package/2006/relationships"><Relationship Id="rId1" Type="http://schemas.openxmlformats.org/officeDocument/2006/relationships/oleObject" Target="file:///F:\Data_CRU-1\GB.xlsx" TargetMode="External"/></Relationships>
</file>

<file path=ppt/charts/_rels/chart18.xml.rels><?xml version="1.0" encoding="UTF-8" standalone="yes"?>
<Relationships xmlns="http://schemas.openxmlformats.org/package/2006/relationships"><Relationship Id="rId1" Type="http://schemas.openxmlformats.org/officeDocument/2006/relationships/oleObject" Target="file:///F:\Data_CRU-1\Kashmir.xlsx" TargetMode="External"/></Relationships>
</file>

<file path=ppt/charts/_rels/chart19.xml.rels><?xml version="1.0" encoding="UTF-8" standalone="yes"?>
<Relationships xmlns="http://schemas.openxmlformats.org/package/2006/relationships"><Relationship Id="rId1" Type="http://schemas.openxmlformats.org/officeDocument/2006/relationships/package" Target="../embeddings/Microsoft_Office_Excel_Worksheet1.xlsx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OpenGrADS\Contents\Cygwin\Versions\2.0.1.oga.1\i686\KPK.xlsx" TargetMode="External"/></Relationships>
</file>

<file path=ppt/charts/_rels/chart3.xml.rels><?xml version="1.0" encoding="UTF-8" standalone="yes"?>
<Relationships xmlns="http://schemas.openxmlformats.org/package/2006/relationships"><Relationship Id="rId1" Type="http://schemas.openxmlformats.org/officeDocument/2006/relationships/oleObject" Target="file:///C:\OpenGrADS\Contents\Cygwin\Versions\2.0.1.oga.1\i686\GB.xlsx" TargetMode="External"/></Relationships>
</file>

<file path=ppt/charts/_rels/chart4.xml.rels><?xml version="1.0" encoding="UTF-8" standalone="yes"?>
<Relationships xmlns="http://schemas.openxmlformats.org/package/2006/relationships"><Relationship Id="rId1" Type="http://schemas.openxmlformats.org/officeDocument/2006/relationships/oleObject" Target="file:///C:\OpenGrADS\Contents\Cygwin\Versions\2.0.1.oga.1\i686\Kashmir.xlsx" TargetMode="External"/></Relationships>
</file>

<file path=ppt/charts/_rels/chart5.xml.rels><?xml version="1.0" encoding="UTF-8" standalone="yes"?>
<Relationships xmlns="http://schemas.openxmlformats.org/package/2006/relationships"><Relationship Id="rId1" Type="http://schemas.openxmlformats.org/officeDocument/2006/relationships/oleObject" Target="file:///C:\OpenGrADS\Contents\Cygwin\Versions\2.0.1.oga.1\i686\CRU-Province\Balochistan.xlsx" TargetMode="External"/></Relationships>
</file>

<file path=ppt/charts/_rels/chart6.xml.rels><?xml version="1.0" encoding="UTF-8" standalone="yes"?>
<Relationships xmlns="http://schemas.openxmlformats.org/package/2006/relationships"><Relationship Id="rId1" Type="http://schemas.openxmlformats.org/officeDocument/2006/relationships/oleObject" Target="file:///F:\CRU2\punjab.xlsx" TargetMode="External"/></Relationships>
</file>

<file path=ppt/charts/_rels/chart7.xml.rels><?xml version="1.0" encoding="UTF-8" standalone="yes"?>
<Relationships xmlns="http://schemas.openxmlformats.org/package/2006/relationships"><Relationship Id="rId1" Type="http://schemas.openxmlformats.org/officeDocument/2006/relationships/oleObject" Target="file:///F:\CRU2\punjab.xlsx" TargetMode="External"/></Relationships>
</file>

<file path=ppt/charts/_rels/chart8.xml.rels><?xml version="1.0" encoding="UTF-8" standalone="yes"?>
<Relationships xmlns="http://schemas.openxmlformats.org/package/2006/relationships"><Relationship Id="rId1" Type="http://schemas.openxmlformats.org/officeDocument/2006/relationships/oleObject" Target="file:///F:\CRU2\Sindh.xlsx" TargetMode="External"/></Relationships>
</file>

<file path=ppt/charts/_rels/chart9.xml.rels><?xml version="1.0" encoding="UTF-8" standalone="yes"?>
<Relationships xmlns="http://schemas.openxmlformats.org/package/2006/relationships"><Relationship Id="rId1" Type="http://schemas.openxmlformats.org/officeDocument/2006/relationships/oleObject" Target="file:///F:\Data_CRU-1\Balochistan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 algn="ctr"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Sindh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6756319933692488"/>
          <c:y val="0"/>
        </c:manualLayout>
      </c:layout>
      <c:overlay val="1"/>
    </c:title>
    <c:plotArea>
      <c:layout>
        <c:manualLayout>
          <c:layoutTarget val="inner"/>
          <c:xMode val="edge"/>
          <c:yMode val="edge"/>
          <c:x val="7.8431327470927431E-2"/>
          <c:y val="0.11158573928259022"/>
          <c:w val="0.90039682995829906"/>
          <c:h val="0.67486512102653862"/>
        </c:manualLayout>
      </c:layout>
      <c:lineChart>
        <c:grouping val="standard"/>
        <c:ser>
          <c:idx val="0"/>
          <c:order val="0"/>
          <c:tx>
            <c:v>Annual Mean Precipitation</c:v>
          </c:tx>
          <c:marker>
            <c:symbol val="none"/>
          </c:marker>
          <c:trendline>
            <c:spPr>
              <a:ln w="25400">
                <a:solidFill>
                  <a:srgbClr val="FF0000"/>
                </a:solidFill>
              </a:ln>
            </c:spPr>
            <c:trendlineType val="linear"/>
          </c:trendline>
          <c:cat>
            <c:numRef>
              <c:f>Sindh_Pre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Sindh_Pre!$C$64:$DI$64</c:f>
              <c:numCache>
                <c:formatCode>General</c:formatCode>
                <c:ptCount val="111"/>
                <c:pt idx="0">
                  <c:v>78.952627368421048</c:v>
                </c:pt>
                <c:pt idx="1">
                  <c:v>153.23155157894672</c:v>
                </c:pt>
                <c:pt idx="2">
                  <c:v>171.32636000000048</c:v>
                </c:pt>
                <c:pt idx="3">
                  <c:v>58.042103157894751</c:v>
                </c:pt>
                <c:pt idx="4">
                  <c:v>67.071943157894339</c:v>
                </c:pt>
                <c:pt idx="5">
                  <c:v>168.97537263157832</c:v>
                </c:pt>
                <c:pt idx="6">
                  <c:v>178.45609894736847</c:v>
                </c:pt>
                <c:pt idx="7">
                  <c:v>284.78069473684212</c:v>
                </c:pt>
                <c:pt idx="8">
                  <c:v>228.33509473684109</c:v>
                </c:pt>
                <c:pt idx="9">
                  <c:v>232.80343368421057</c:v>
                </c:pt>
                <c:pt idx="10">
                  <c:v>35.900004210526305</c:v>
                </c:pt>
                <c:pt idx="11">
                  <c:v>145.78072210526321</c:v>
                </c:pt>
                <c:pt idx="12">
                  <c:v>283.90697473684213</c:v>
                </c:pt>
                <c:pt idx="13">
                  <c:v>186.17722105263229</c:v>
                </c:pt>
                <c:pt idx="14">
                  <c:v>66.603507368420637</c:v>
                </c:pt>
                <c:pt idx="15">
                  <c:v>353.99821052631569</c:v>
                </c:pt>
                <c:pt idx="16">
                  <c:v>284.16669473684232</c:v>
                </c:pt>
                <c:pt idx="17">
                  <c:v>66.471932631578952</c:v>
                </c:pt>
                <c:pt idx="18">
                  <c:v>220.54734736842175</c:v>
                </c:pt>
                <c:pt idx="19">
                  <c:v>68.129791578947348</c:v>
                </c:pt>
                <c:pt idx="20">
                  <c:v>305.41048421052631</c:v>
                </c:pt>
                <c:pt idx="21">
                  <c:v>94.194755789473703</c:v>
                </c:pt>
                <c:pt idx="22">
                  <c:v>121.51404842105266</c:v>
                </c:pt>
                <c:pt idx="23">
                  <c:v>142.50006315789474</c:v>
                </c:pt>
                <c:pt idx="24">
                  <c:v>54.284206315789476</c:v>
                </c:pt>
                <c:pt idx="25">
                  <c:v>286.30355789473708</c:v>
                </c:pt>
                <c:pt idx="26">
                  <c:v>323.07541052631575</c:v>
                </c:pt>
                <c:pt idx="27">
                  <c:v>115.15784842105261</c:v>
                </c:pt>
                <c:pt idx="28">
                  <c:v>335.80522105263157</c:v>
                </c:pt>
                <c:pt idx="29">
                  <c:v>110.29646315789471</c:v>
                </c:pt>
                <c:pt idx="30">
                  <c:v>131.64739368421056</c:v>
                </c:pt>
                <c:pt idx="31">
                  <c:v>268.52280000000002</c:v>
                </c:pt>
                <c:pt idx="32">
                  <c:v>349.69467368421078</c:v>
                </c:pt>
                <c:pt idx="33">
                  <c:v>219.34741052631585</c:v>
                </c:pt>
                <c:pt idx="34">
                  <c:v>157.0473621052632</c:v>
                </c:pt>
                <c:pt idx="35">
                  <c:v>121.54035578947369</c:v>
                </c:pt>
                <c:pt idx="36">
                  <c:v>193.21054736842109</c:v>
                </c:pt>
                <c:pt idx="37">
                  <c:v>157.39995789473679</c:v>
                </c:pt>
                <c:pt idx="38">
                  <c:v>59.905267368421036</c:v>
                </c:pt>
                <c:pt idx="39">
                  <c:v>128.90525684210527</c:v>
                </c:pt>
                <c:pt idx="40">
                  <c:v>109.37898315789424</c:v>
                </c:pt>
                <c:pt idx="41">
                  <c:v>204.68069473684105</c:v>
                </c:pt>
                <c:pt idx="42">
                  <c:v>163.44563157894692</c:v>
                </c:pt>
                <c:pt idx="43">
                  <c:v>401.13507368421062</c:v>
                </c:pt>
                <c:pt idx="44">
                  <c:v>275.24378947368399</c:v>
                </c:pt>
                <c:pt idx="45">
                  <c:v>181.67891157894738</c:v>
                </c:pt>
                <c:pt idx="46">
                  <c:v>118.3368147368421</c:v>
                </c:pt>
                <c:pt idx="47">
                  <c:v>138.43330736842151</c:v>
                </c:pt>
                <c:pt idx="48">
                  <c:v>254.81753684210574</c:v>
                </c:pt>
                <c:pt idx="49">
                  <c:v>120.38949263157895</c:v>
                </c:pt>
                <c:pt idx="50">
                  <c:v>76.154402105263159</c:v>
                </c:pt>
                <c:pt idx="51">
                  <c:v>119.91052421052632</c:v>
                </c:pt>
                <c:pt idx="52">
                  <c:v>207.06318526315673</c:v>
                </c:pt>
                <c:pt idx="53">
                  <c:v>153.4245157894737</c:v>
                </c:pt>
                <c:pt idx="54">
                  <c:v>183.88247789473749</c:v>
                </c:pt>
                <c:pt idx="55">
                  <c:v>323.99298947368317</c:v>
                </c:pt>
                <c:pt idx="56">
                  <c:v>83.057924210526338</c:v>
                </c:pt>
                <c:pt idx="57">
                  <c:v>149.9105747368406</c:v>
                </c:pt>
                <c:pt idx="58">
                  <c:v>277.87366315789467</c:v>
                </c:pt>
                <c:pt idx="59">
                  <c:v>73.798250526315826</c:v>
                </c:pt>
                <c:pt idx="60">
                  <c:v>387.19469473684302</c:v>
                </c:pt>
                <c:pt idx="61">
                  <c:v>187.77725684210517</c:v>
                </c:pt>
                <c:pt idx="62">
                  <c:v>71.254355789473692</c:v>
                </c:pt>
                <c:pt idx="63">
                  <c:v>188.15961263157803</c:v>
                </c:pt>
                <c:pt idx="64">
                  <c:v>112.45439368421101</c:v>
                </c:pt>
                <c:pt idx="65">
                  <c:v>74.098252631578973</c:v>
                </c:pt>
                <c:pt idx="66">
                  <c:v>337.88071578947353</c:v>
                </c:pt>
                <c:pt idx="67">
                  <c:v>50.266673684210524</c:v>
                </c:pt>
                <c:pt idx="68">
                  <c:v>29.892991578947292</c:v>
                </c:pt>
                <c:pt idx="69">
                  <c:v>237.81585263157791</c:v>
                </c:pt>
                <c:pt idx="70">
                  <c:v>115.68598315789427</c:v>
                </c:pt>
                <c:pt idx="71">
                  <c:v>64.415789473683958</c:v>
                </c:pt>
                <c:pt idx="72">
                  <c:v>113.31225831578907</c:v>
                </c:pt>
                <c:pt idx="73">
                  <c:v>31.401753684210533</c:v>
                </c:pt>
                <c:pt idx="74">
                  <c:v>280.74568421052732</c:v>
                </c:pt>
                <c:pt idx="75">
                  <c:v>293.90709473684211</c:v>
                </c:pt>
                <c:pt idx="76">
                  <c:v>228.92631578947407</c:v>
                </c:pt>
                <c:pt idx="77">
                  <c:v>372.17193684210366</c:v>
                </c:pt>
                <c:pt idx="78">
                  <c:v>192.56313684210568</c:v>
                </c:pt>
                <c:pt idx="79">
                  <c:v>103.52629263157897</c:v>
                </c:pt>
                <c:pt idx="80">
                  <c:v>182.51755789473637</c:v>
                </c:pt>
                <c:pt idx="81">
                  <c:v>140.71228421052618</c:v>
                </c:pt>
                <c:pt idx="82">
                  <c:v>233.93854105263247</c:v>
                </c:pt>
                <c:pt idx="83">
                  <c:v>184.75262526315697</c:v>
                </c:pt>
                <c:pt idx="84">
                  <c:v>169.62800000000001</c:v>
                </c:pt>
                <c:pt idx="85">
                  <c:v>129.34035789473688</c:v>
                </c:pt>
                <c:pt idx="86">
                  <c:v>28.668422105263076</c:v>
                </c:pt>
                <c:pt idx="87">
                  <c:v>198.34207789473697</c:v>
                </c:pt>
                <c:pt idx="88">
                  <c:v>205.46842105263272</c:v>
                </c:pt>
                <c:pt idx="89">
                  <c:v>247.09646315789487</c:v>
                </c:pt>
                <c:pt idx="90">
                  <c:v>33.619306736842105</c:v>
                </c:pt>
                <c:pt idx="91">
                  <c:v>206.33151578947368</c:v>
                </c:pt>
                <c:pt idx="92">
                  <c:v>110.67191789473648</c:v>
                </c:pt>
                <c:pt idx="93">
                  <c:v>382.37014736842104</c:v>
                </c:pt>
                <c:pt idx="94">
                  <c:v>131.18944421052629</c:v>
                </c:pt>
                <c:pt idx="95">
                  <c:v>125.31051578947392</c:v>
                </c:pt>
                <c:pt idx="96">
                  <c:v>206.81762526315691</c:v>
                </c:pt>
                <c:pt idx="97">
                  <c:v>110.36313684210521</c:v>
                </c:pt>
                <c:pt idx="98">
                  <c:v>107.05263157894737</c:v>
                </c:pt>
                <c:pt idx="99">
                  <c:v>77.059654736842106</c:v>
                </c:pt>
                <c:pt idx="100">
                  <c:v>142.61230947368483</c:v>
                </c:pt>
                <c:pt idx="101">
                  <c:v>32.414035789473644</c:v>
                </c:pt>
                <c:pt idx="102">
                  <c:v>318.95966315789474</c:v>
                </c:pt>
                <c:pt idx="103">
                  <c:v>71.038608421052629</c:v>
                </c:pt>
                <c:pt idx="104">
                  <c:v>118.88947368421076</c:v>
                </c:pt>
                <c:pt idx="105">
                  <c:v>303.05613473684195</c:v>
                </c:pt>
                <c:pt idx="106">
                  <c:v>236.93503157894736</c:v>
                </c:pt>
                <c:pt idx="107">
                  <c:v>138.77896421052588</c:v>
                </c:pt>
                <c:pt idx="108">
                  <c:v>170.312292631579</c:v>
                </c:pt>
                <c:pt idx="109">
                  <c:v>333.01402105263156</c:v>
                </c:pt>
                <c:pt idx="110">
                  <c:v>240.3666736842105</c:v>
                </c:pt>
              </c:numCache>
            </c:numRef>
          </c:val>
        </c:ser>
        <c:marker val="1"/>
        <c:axId val="60302464"/>
        <c:axId val="60465920"/>
      </c:lineChart>
      <c:catAx>
        <c:axId val="60302464"/>
        <c:scaling>
          <c:orientation val="minMax"/>
        </c:scaling>
        <c:axPos val="b"/>
        <c:numFmt formatCode="General" sourceLinked="1"/>
        <c:tickLblPos val="nextTo"/>
        <c:crossAx val="60465920"/>
        <c:crosses val="autoZero"/>
        <c:auto val="1"/>
        <c:lblAlgn val="ctr"/>
        <c:lblOffset val="100"/>
      </c:catAx>
      <c:valAx>
        <c:axId val="60465920"/>
        <c:scaling>
          <c:orientation val="minMax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0302464"/>
        <c:crosses val="autoZero"/>
        <c:crossBetween val="between"/>
      </c:valAx>
    </c:plotArea>
    <c:plotVisOnly val="1"/>
  </c:chart>
  <c:spPr>
    <a:ln w="15875">
      <a:solidFill>
        <a:schemeClr val="tx1"/>
      </a:solidFill>
    </a:ln>
  </c:spPr>
  <c:externalData r:id="rId1"/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>
                <a:latin typeface="Times New Roman" pitchFamily="18" charset="0"/>
                <a:cs typeface="Times New Roman" pitchFamily="18" charset="0"/>
              </a:rPr>
              <a:t>Khyber </a:t>
            </a: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Pakhtunkhaw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20238140371342495"/>
          <c:y val="0"/>
        </c:manualLayout>
      </c:layout>
    </c:title>
    <c:plotArea>
      <c:layout>
        <c:manualLayout>
          <c:layoutTarget val="inner"/>
          <c:xMode val="edge"/>
          <c:yMode val="edge"/>
          <c:x val="6.9293823479165711E-2"/>
          <c:y val="0.20106723791878955"/>
          <c:w val="0.87542841168522878"/>
          <c:h val="0.54341837784982749"/>
        </c:manualLayout>
      </c:layout>
      <c:lineChart>
        <c:grouping val="standard"/>
        <c:ser>
          <c:idx val="0"/>
          <c:order val="0"/>
          <c:tx>
            <c:v>Average Temperature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kpk_TEMP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11</c:v>
                </c:pt>
              </c:numCache>
            </c:numRef>
          </c:cat>
          <c:val>
            <c:numRef>
              <c:f>kpk_TEMP!$C$47:$DI$47</c:f>
              <c:numCache>
                <c:formatCode>General</c:formatCode>
                <c:ptCount val="111"/>
                <c:pt idx="0">
                  <c:v>14.053878132558138</c:v>
                </c:pt>
                <c:pt idx="1">
                  <c:v>14.129651488372058</c:v>
                </c:pt>
                <c:pt idx="2">
                  <c:v>13.033718604651122</c:v>
                </c:pt>
                <c:pt idx="3">
                  <c:v>13.851545961162786</c:v>
                </c:pt>
                <c:pt idx="4">
                  <c:v>13.268803953488371</c:v>
                </c:pt>
                <c:pt idx="5">
                  <c:v>13.854065744186046</c:v>
                </c:pt>
                <c:pt idx="6">
                  <c:v>13.233916046511618</c:v>
                </c:pt>
                <c:pt idx="7">
                  <c:v>13.727327674418548</c:v>
                </c:pt>
                <c:pt idx="8">
                  <c:v>13.700000534883722</c:v>
                </c:pt>
                <c:pt idx="9">
                  <c:v>13.320348837209341</c:v>
                </c:pt>
                <c:pt idx="10">
                  <c:v>13.668799225581402</c:v>
                </c:pt>
                <c:pt idx="11">
                  <c:v>13.876934023255822</c:v>
                </c:pt>
                <c:pt idx="12">
                  <c:v>13.453679465116284</c:v>
                </c:pt>
                <c:pt idx="13">
                  <c:v>13.920732465116277</c:v>
                </c:pt>
                <c:pt idx="14">
                  <c:v>14.784495425581396</c:v>
                </c:pt>
                <c:pt idx="15">
                  <c:v>13.949611000000003</c:v>
                </c:pt>
                <c:pt idx="16">
                  <c:v>14.26414611627907</c:v>
                </c:pt>
                <c:pt idx="17">
                  <c:v>13.149417674418606</c:v>
                </c:pt>
                <c:pt idx="18">
                  <c:v>12.985078534883726</c:v>
                </c:pt>
                <c:pt idx="19">
                  <c:v>12.635273488372043</c:v>
                </c:pt>
                <c:pt idx="20">
                  <c:v>13.703102790697669</c:v>
                </c:pt>
                <c:pt idx="21">
                  <c:v>13.923836674418657</c:v>
                </c:pt>
                <c:pt idx="22">
                  <c:v>13.031394953488377</c:v>
                </c:pt>
                <c:pt idx="23">
                  <c:v>13.12480541860465</c:v>
                </c:pt>
                <c:pt idx="24">
                  <c:v>13.393404262790726</c:v>
                </c:pt>
                <c:pt idx="25">
                  <c:v>13.544770325581393</c:v>
                </c:pt>
                <c:pt idx="26">
                  <c:v>13.473455202325626</c:v>
                </c:pt>
                <c:pt idx="27">
                  <c:v>13.717047674418602</c:v>
                </c:pt>
                <c:pt idx="28">
                  <c:v>13.327329139534868</c:v>
                </c:pt>
                <c:pt idx="29">
                  <c:v>13.18352853488372</c:v>
                </c:pt>
                <c:pt idx="30">
                  <c:v>13.732752325581394</c:v>
                </c:pt>
                <c:pt idx="31">
                  <c:v>14.007557527209352</c:v>
                </c:pt>
                <c:pt idx="32">
                  <c:v>13.631782318604674</c:v>
                </c:pt>
                <c:pt idx="33">
                  <c:v>13.51472744186043</c:v>
                </c:pt>
                <c:pt idx="34">
                  <c:v>12.864925744186046</c:v>
                </c:pt>
                <c:pt idx="35">
                  <c:v>13.70678534883722</c:v>
                </c:pt>
                <c:pt idx="36">
                  <c:v>13.24961341860465</c:v>
                </c:pt>
                <c:pt idx="37">
                  <c:v>13.353881232558182</c:v>
                </c:pt>
                <c:pt idx="38">
                  <c:v>13.454453186046512</c:v>
                </c:pt>
                <c:pt idx="39">
                  <c:v>13.932755255813976</c:v>
                </c:pt>
                <c:pt idx="40">
                  <c:v>14.795155581395349</c:v>
                </c:pt>
                <c:pt idx="41">
                  <c:v>14.03875830232554</c:v>
                </c:pt>
                <c:pt idx="42">
                  <c:v>13.926937139534878</c:v>
                </c:pt>
                <c:pt idx="43">
                  <c:v>13.5906958139535</c:v>
                </c:pt>
                <c:pt idx="44">
                  <c:v>13.44418239534885</c:v>
                </c:pt>
                <c:pt idx="45">
                  <c:v>14.647675348837208</c:v>
                </c:pt>
                <c:pt idx="46">
                  <c:v>14.396318627906973</c:v>
                </c:pt>
                <c:pt idx="47">
                  <c:v>13.399226046511624</c:v>
                </c:pt>
                <c:pt idx="48">
                  <c:v>13.322089139534935</c:v>
                </c:pt>
                <c:pt idx="49">
                  <c:v>12.678296116279069</c:v>
                </c:pt>
                <c:pt idx="50">
                  <c:v>13.571321023255761</c:v>
                </c:pt>
                <c:pt idx="51">
                  <c:v>13.855426202325669</c:v>
                </c:pt>
                <c:pt idx="52">
                  <c:v>14.328104255813956</c:v>
                </c:pt>
                <c:pt idx="53">
                  <c:v>13.378105418604656</c:v>
                </c:pt>
                <c:pt idx="54">
                  <c:v>13.759306511627972</c:v>
                </c:pt>
                <c:pt idx="55">
                  <c:v>13.97926806976745</c:v>
                </c:pt>
                <c:pt idx="56">
                  <c:v>12.510276418604656</c:v>
                </c:pt>
                <c:pt idx="57">
                  <c:v>14.035462627907027</c:v>
                </c:pt>
                <c:pt idx="58">
                  <c:v>13.649995279069772</c:v>
                </c:pt>
                <c:pt idx="59">
                  <c:v>13.689346813953502</c:v>
                </c:pt>
                <c:pt idx="60">
                  <c:v>13.472480395348914</c:v>
                </c:pt>
                <c:pt idx="61">
                  <c:v>13.50833634883722</c:v>
                </c:pt>
                <c:pt idx="62">
                  <c:v>14.009111465116268</c:v>
                </c:pt>
                <c:pt idx="63">
                  <c:v>13.276169465116281</c:v>
                </c:pt>
                <c:pt idx="64">
                  <c:v>13.013173883720931</c:v>
                </c:pt>
                <c:pt idx="65">
                  <c:v>13.443216209302324</c:v>
                </c:pt>
                <c:pt idx="66">
                  <c:v>13.191858534883721</c:v>
                </c:pt>
                <c:pt idx="67">
                  <c:v>12.989336046511626</c:v>
                </c:pt>
                <c:pt idx="68">
                  <c:v>13.746702558139534</c:v>
                </c:pt>
                <c:pt idx="69">
                  <c:v>14.500000162790688</c:v>
                </c:pt>
                <c:pt idx="70">
                  <c:v>14.440120232558133</c:v>
                </c:pt>
                <c:pt idx="71">
                  <c:v>13.312595418604715</c:v>
                </c:pt>
                <c:pt idx="72">
                  <c:v>14.112599295348891</c:v>
                </c:pt>
                <c:pt idx="73">
                  <c:v>13.568214651162792</c:v>
                </c:pt>
                <c:pt idx="74">
                  <c:v>13.009299232558154</c:v>
                </c:pt>
                <c:pt idx="75">
                  <c:v>13.462013169767452</c:v>
                </c:pt>
                <c:pt idx="76">
                  <c:v>14.256009465116282</c:v>
                </c:pt>
                <c:pt idx="77">
                  <c:v>13.868599930232556</c:v>
                </c:pt>
                <c:pt idx="78">
                  <c:v>13.79515458139535</c:v>
                </c:pt>
                <c:pt idx="79">
                  <c:v>13.965310767441858</c:v>
                </c:pt>
                <c:pt idx="80">
                  <c:v>13.83003488372098</c:v>
                </c:pt>
                <c:pt idx="81">
                  <c:v>13.095154953488418</c:v>
                </c:pt>
                <c:pt idx="82">
                  <c:v>13.112397355813954</c:v>
                </c:pt>
                <c:pt idx="83">
                  <c:v>13.841861162790636</c:v>
                </c:pt>
                <c:pt idx="84">
                  <c:v>14.218607458139518</c:v>
                </c:pt>
                <c:pt idx="85">
                  <c:v>13.298839388372093</c:v>
                </c:pt>
                <c:pt idx="86">
                  <c:v>13.86646883720938</c:v>
                </c:pt>
                <c:pt idx="87">
                  <c:v>14.468217348837209</c:v>
                </c:pt>
                <c:pt idx="88">
                  <c:v>13.187395813953492</c:v>
                </c:pt>
                <c:pt idx="89">
                  <c:v>14.217829681395308</c:v>
                </c:pt>
                <c:pt idx="90">
                  <c:v>13.361816116279076</c:v>
                </c:pt>
                <c:pt idx="91">
                  <c:v>13.227915209302328</c:v>
                </c:pt>
                <c:pt idx="92">
                  <c:v>13.915499837209406</c:v>
                </c:pt>
                <c:pt idx="93">
                  <c:v>13.44379774418605</c:v>
                </c:pt>
                <c:pt idx="94">
                  <c:v>13.195349697674416</c:v>
                </c:pt>
                <c:pt idx="95">
                  <c:v>13.416090232558156</c:v>
                </c:pt>
                <c:pt idx="96">
                  <c:v>12.951546511628001</c:v>
                </c:pt>
                <c:pt idx="97">
                  <c:v>13.6532903255814</c:v>
                </c:pt>
                <c:pt idx="98">
                  <c:v>14.825189913953523</c:v>
                </c:pt>
                <c:pt idx="99">
                  <c:v>14.427710860465114</c:v>
                </c:pt>
                <c:pt idx="100">
                  <c:v>14.448059465116268</c:v>
                </c:pt>
                <c:pt idx="101">
                  <c:v>14.213954651162792</c:v>
                </c:pt>
                <c:pt idx="102">
                  <c:v>13.714924976744181</c:v>
                </c:pt>
                <c:pt idx="103">
                  <c:v>14.576355039534878</c:v>
                </c:pt>
                <c:pt idx="104">
                  <c:v>13.712983883720929</c:v>
                </c:pt>
                <c:pt idx="105">
                  <c:v>13.958334348837226</c:v>
                </c:pt>
                <c:pt idx="106">
                  <c:v>14.307559930232557</c:v>
                </c:pt>
                <c:pt idx="107">
                  <c:v>14.264536527907035</c:v>
                </c:pt>
                <c:pt idx="108">
                  <c:v>14.171320783720892</c:v>
                </c:pt>
                <c:pt idx="109">
                  <c:v>14.228875116279037</c:v>
                </c:pt>
                <c:pt idx="110">
                  <c:v>14.186440162790701</c:v>
                </c:pt>
              </c:numCache>
            </c:numRef>
          </c:val>
        </c:ser>
        <c:marker val="1"/>
        <c:axId val="60562432"/>
        <c:axId val="60584704"/>
      </c:lineChart>
      <c:catAx>
        <c:axId val="60562432"/>
        <c:scaling>
          <c:orientation val="minMax"/>
        </c:scaling>
        <c:axPos val="b"/>
        <c:numFmt formatCode="General" sourceLinked="1"/>
        <c:tickLblPos val="nextTo"/>
        <c:crossAx val="60584704"/>
        <c:crosses val="autoZero"/>
        <c:auto val="1"/>
        <c:lblAlgn val="ctr"/>
        <c:lblOffset val="100"/>
      </c:catAx>
      <c:valAx>
        <c:axId val="60584704"/>
        <c:scaling>
          <c:orientation val="minMax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0562432"/>
        <c:crosses val="autoZero"/>
        <c:crossBetween val="between"/>
        <c:majorUnit val="0.5"/>
      </c:valAx>
    </c:plotArea>
    <c:plotVisOnly val="1"/>
  </c:chart>
  <c:spPr>
    <a:ln w="25400">
      <a:solidFill>
        <a:schemeClr val="tx1">
          <a:alpha val="60000"/>
        </a:schemeClr>
      </a:solidFill>
    </a:ln>
  </c:spPr>
  <c:externalData r:id="rId1"/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Gilgit</a:t>
            </a: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-</a:t>
            </a: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Baltistan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27655633323612328"/>
          <c:y val="0"/>
        </c:manualLayout>
      </c:layout>
    </c:title>
    <c:plotArea>
      <c:layout>
        <c:manualLayout>
          <c:layoutTarget val="inner"/>
          <c:xMode val="edge"/>
          <c:yMode val="edge"/>
          <c:x val="7.9809126744978712E-2"/>
          <c:y val="0.2036912665328599"/>
          <c:w val="0.90346147133114008"/>
          <c:h val="0.55112963820698946"/>
        </c:manualLayout>
      </c:layout>
      <c:lineChart>
        <c:grouping val="standard"/>
        <c:ser>
          <c:idx val="0"/>
          <c:order val="0"/>
          <c:tx>
            <c:v>Annual Mean Temperature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GB_Temp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GB_Temp!$C$37:$DI$37</c:f>
              <c:numCache>
                <c:formatCode>0.0</c:formatCode>
                <c:ptCount val="111"/>
                <c:pt idx="0">
                  <c:v>-2.0709591212121197</c:v>
                </c:pt>
                <c:pt idx="1">
                  <c:v>-2.1537878787878899</c:v>
                </c:pt>
                <c:pt idx="2">
                  <c:v>-3.0626264636363643</c:v>
                </c:pt>
                <c:pt idx="3">
                  <c:v>-2.2727273030303032</c:v>
                </c:pt>
                <c:pt idx="4">
                  <c:v>-2.9916670606060607</c:v>
                </c:pt>
                <c:pt idx="5">
                  <c:v>-1.9752527978787922</c:v>
                </c:pt>
                <c:pt idx="6">
                  <c:v>-2.5088383939393939</c:v>
                </c:pt>
                <c:pt idx="7">
                  <c:v>-2.0136365151515152</c:v>
                </c:pt>
                <c:pt idx="8">
                  <c:v>-2.025504878787888</c:v>
                </c:pt>
                <c:pt idx="9">
                  <c:v>-2.2974743545454612</c:v>
                </c:pt>
                <c:pt idx="10">
                  <c:v>-1.7421709090909101</c:v>
                </c:pt>
                <c:pt idx="11">
                  <c:v>-1.5444444757575759</c:v>
                </c:pt>
                <c:pt idx="12">
                  <c:v>-2.8272723121212122</c:v>
                </c:pt>
                <c:pt idx="13">
                  <c:v>-1.594697151515152</c:v>
                </c:pt>
                <c:pt idx="14">
                  <c:v>-1.6722216969696928</c:v>
                </c:pt>
                <c:pt idx="15">
                  <c:v>-1.4027785757575757</c:v>
                </c:pt>
                <c:pt idx="16">
                  <c:v>-1.8073233333333332</c:v>
                </c:pt>
                <c:pt idx="17">
                  <c:v>-2.4590916060606061</c:v>
                </c:pt>
                <c:pt idx="18">
                  <c:v>-2.6747475575757602</c:v>
                </c:pt>
                <c:pt idx="19">
                  <c:v>-3.2853538484848492</c:v>
                </c:pt>
                <c:pt idx="20">
                  <c:v>-2.5098484545454527</c:v>
                </c:pt>
                <c:pt idx="21">
                  <c:v>-1.3462130606060663</c:v>
                </c:pt>
                <c:pt idx="22">
                  <c:v>-2.0992425151515137</c:v>
                </c:pt>
                <c:pt idx="23">
                  <c:v>-2.0088381515151519</c:v>
                </c:pt>
                <c:pt idx="24">
                  <c:v>-1.8424240606060607</c:v>
                </c:pt>
                <c:pt idx="25">
                  <c:v>-1.997222212121212</c:v>
                </c:pt>
                <c:pt idx="26">
                  <c:v>-1.9166666878787879</c:v>
                </c:pt>
                <c:pt idx="27">
                  <c:v>-1.9896463333333341</c:v>
                </c:pt>
                <c:pt idx="28">
                  <c:v>-2.5148992818181797</c:v>
                </c:pt>
                <c:pt idx="29">
                  <c:v>-2.523737787878801</c:v>
                </c:pt>
                <c:pt idx="30">
                  <c:v>-1.9906571727272813</c:v>
                </c:pt>
                <c:pt idx="31">
                  <c:v>-1.9618691818181822</c:v>
                </c:pt>
                <c:pt idx="32">
                  <c:v>-2.1262621112121187</c:v>
                </c:pt>
                <c:pt idx="33">
                  <c:v>-2.3045457575757582</c:v>
                </c:pt>
                <c:pt idx="34">
                  <c:v>-2.8510104242424177</c:v>
                </c:pt>
                <c:pt idx="35">
                  <c:v>-2.2111111000000001</c:v>
                </c:pt>
                <c:pt idx="36">
                  <c:v>-2.4755046363636364</c:v>
                </c:pt>
                <c:pt idx="37">
                  <c:v>-2.4040402818181787</c:v>
                </c:pt>
                <c:pt idx="38">
                  <c:v>-2.0969694151515137</c:v>
                </c:pt>
                <c:pt idx="39">
                  <c:v>-1.4679284848484806</c:v>
                </c:pt>
                <c:pt idx="40">
                  <c:v>-0.97247484848485077</c:v>
                </c:pt>
                <c:pt idx="41">
                  <c:v>-1.5924238575757574</c:v>
                </c:pt>
                <c:pt idx="42">
                  <c:v>-1.8542932536363637</c:v>
                </c:pt>
                <c:pt idx="43">
                  <c:v>-2.2075750303030306</c:v>
                </c:pt>
                <c:pt idx="44">
                  <c:v>-2.3469696666666668</c:v>
                </c:pt>
                <c:pt idx="45">
                  <c:v>-1.2224748484848478</c:v>
                </c:pt>
                <c:pt idx="46">
                  <c:v>-1.628787393939394</c:v>
                </c:pt>
                <c:pt idx="47">
                  <c:v>-2.6555563333333327</c:v>
                </c:pt>
                <c:pt idx="48">
                  <c:v>-2.3409096060606065</c:v>
                </c:pt>
                <c:pt idx="49">
                  <c:v>-2.8709594151515128</c:v>
                </c:pt>
                <c:pt idx="50">
                  <c:v>-2.153788090909091</c:v>
                </c:pt>
                <c:pt idx="51">
                  <c:v>-1.9194438384848489</c:v>
                </c:pt>
                <c:pt idx="52">
                  <c:v>-1.3780304848484861</c:v>
                </c:pt>
                <c:pt idx="53">
                  <c:v>-2.2886358787878884</c:v>
                </c:pt>
                <c:pt idx="54">
                  <c:v>-1.6047984757575757</c:v>
                </c:pt>
                <c:pt idx="55">
                  <c:v>-1.0992419090909091</c:v>
                </c:pt>
                <c:pt idx="56">
                  <c:v>-2.6898989909090907</c:v>
                </c:pt>
                <c:pt idx="57">
                  <c:v>-1.4368685666666667</c:v>
                </c:pt>
                <c:pt idx="58">
                  <c:v>-1.7590902939393862</c:v>
                </c:pt>
                <c:pt idx="59">
                  <c:v>-1.7967166878787879</c:v>
                </c:pt>
                <c:pt idx="60">
                  <c:v>-1.8805551818181869</c:v>
                </c:pt>
                <c:pt idx="61">
                  <c:v>-1.9868683939393936</c:v>
                </c:pt>
                <c:pt idx="62">
                  <c:v>-1.5510096969696905</c:v>
                </c:pt>
                <c:pt idx="63">
                  <c:v>-2.1717173939393941</c:v>
                </c:pt>
                <c:pt idx="64">
                  <c:v>-2.2010096060606061</c:v>
                </c:pt>
                <c:pt idx="65">
                  <c:v>-1.9830811303030353</c:v>
                </c:pt>
                <c:pt idx="66">
                  <c:v>-2.0856073030303031</c:v>
                </c:pt>
                <c:pt idx="67">
                  <c:v>-2.1358584545454447</c:v>
                </c:pt>
                <c:pt idx="68">
                  <c:v>-1.6873733221212162</c:v>
                </c:pt>
                <c:pt idx="69">
                  <c:v>-0.9343430303030329</c:v>
                </c:pt>
                <c:pt idx="70">
                  <c:v>-0.76540393939393969</c:v>
                </c:pt>
                <c:pt idx="71">
                  <c:v>-2.1229803939393932</c:v>
                </c:pt>
                <c:pt idx="72">
                  <c:v>-0.84444424242424265</c:v>
                </c:pt>
                <c:pt idx="73">
                  <c:v>-2.1252519393939378</c:v>
                </c:pt>
                <c:pt idx="74">
                  <c:v>-2.4727272939393941</c:v>
                </c:pt>
                <c:pt idx="75">
                  <c:v>-1.9777779900000001</c:v>
                </c:pt>
                <c:pt idx="76">
                  <c:v>-1.0161621212121221</c:v>
                </c:pt>
                <c:pt idx="77">
                  <c:v>-1.2813130303030305</c:v>
                </c:pt>
                <c:pt idx="78">
                  <c:v>-1.1212121212121258</c:v>
                </c:pt>
                <c:pt idx="79">
                  <c:v>-0.87045536363636367</c:v>
                </c:pt>
                <c:pt idx="80">
                  <c:v>-1.4388899999999998</c:v>
                </c:pt>
                <c:pt idx="81">
                  <c:v>-1.9280299999999997</c:v>
                </c:pt>
                <c:pt idx="82">
                  <c:v>-1.8323232112121173</c:v>
                </c:pt>
                <c:pt idx="83">
                  <c:v>-1.4843427272727281</c:v>
                </c:pt>
                <c:pt idx="84">
                  <c:v>-1.0638889999999999</c:v>
                </c:pt>
                <c:pt idx="85">
                  <c:v>-2.0227273636363652</c:v>
                </c:pt>
                <c:pt idx="86">
                  <c:v>-1.9020193121212123</c:v>
                </c:pt>
                <c:pt idx="87">
                  <c:v>-1.1800510000000044</c:v>
                </c:pt>
                <c:pt idx="88">
                  <c:v>-2.0924244545454544</c:v>
                </c:pt>
                <c:pt idx="89">
                  <c:v>-1.0050503030303031</c:v>
                </c:pt>
                <c:pt idx="90">
                  <c:v>-2.1042933333333331</c:v>
                </c:pt>
                <c:pt idx="91">
                  <c:v>-2.0068178787878792</c:v>
                </c:pt>
                <c:pt idx="92">
                  <c:v>-1.6510106969696958</c:v>
                </c:pt>
                <c:pt idx="93">
                  <c:v>-1.3729807878787881</c:v>
                </c:pt>
                <c:pt idx="94">
                  <c:v>-2.0239892727272855</c:v>
                </c:pt>
                <c:pt idx="95">
                  <c:v>-1.9969687666666711</c:v>
                </c:pt>
                <c:pt idx="96">
                  <c:v>-1.2487369696969701</c:v>
                </c:pt>
                <c:pt idx="97">
                  <c:v>-0.97702069696969995</c:v>
                </c:pt>
                <c:pt idx="98">
                  <c:v>-0.379040696969699</c:v>
                </c:pt>
                <c:pt idx="99">
                  <c:v>-0.49141415151515239</c:v>
                </c:pt>
                <c:pt idx="100">
                  <c:v>-0.29570721212121193</c:v>
                </c:pt>
                <c:pt idx="101">
                  <c:v>-0.68661687878787869</c:v>
                </c:pt>
                <c:pt idx="102">
                  <c:v>-1.0083332121212119</c:v>
                </c:pt>
                <c:pt idx="103">
                  <c:v>-0.29267636363636484</c:v>
                </c:pt>
                <c:pt idx="104">
                  <c:v>-1.0851006969696924</c:v>
                </c:pt>
                <c:pt idx="105">
                  <c:v>-0.45631333333333335</c:v>
                </c:pt>
                <c:pt idx="106">
                  <c:v>-0.18308009090909091</c:v>
                </c:pt>
                <c:pt idx="107">
                  <c:v>-0.70656554545454542</c:v>
                </c:pt>
                <c:pt idx="108">
                  <c:v>-0.49444506060606086</c:v>
                </c:pt>
                <c:pt idx="109">
                  <c:v>-0.48535333333333347</c:v>
                </c:pt>
                <c:pt idx="110">
                  <c:v>-0.52525260606060609</c:v>
                </c:pt>
              </c:numCache>
            </c:numRef>
          </c:val>
        </c:ser>
        <c:marker val="1"/>
        <c:axId val="60601088"/>
        <c:axId val="60602624"/>
      </c:lineChart>
      <c:catAx>
        <c:axId val="60601088"/>
        <c:scaling>
          <c:orientation val="minMax"/>
        </c:scaling>
        <c:axPos val="b"/>
        <c:numFmt formatCode="General" sourceLinked="1"/>
        <c:tickLblPos val="low"/>
        <c:crossAx val="60602624"/>
        <c:crosses val="autoZero"/>
        <c:auto val="1"/>
        <c:lblAlgn val="ctr"/>
        <c:lblOffset val="100"/>
      </c:catAx>
      <c:valAx>
        <c:axId val="60602624"/>
        <c:scaling>
          <c:orientation val="minMax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0.0" sourceLinked="1"/>
        <c:tickLblPos val="nextTo"/>
        <c:crossAx val="60601088"/>
        <c:crosses val="autoZero"/>
        <c:crossBetween val="between"/>
        <c:majorUnit val="0.5"/>
      </c:valAx>
    </c:plotArea>
    <c:plotVisOnly val="1"/>
  </c:chart>
  <c:spPr>
    <a:ln w="25400">
      <a:solidFill>
        <a:schemeClr val="tx1"/>
      </a:solidFill>
    </a:ln>
  </c:spPr>
  <c:externalData r:id="rId1"/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Kashmir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6863687177991794"/>
          <c:y val="2.6543557055368145E-3"/>
        </c:manualLayout>
      </c:layout>
    </c:title>
    <c:plotArea>
      <c:layout>
        <c:manualLayout>
          <c:layoutTarget val="inner"/>
          <c:xMode val="edge"/>
          <c:yMode val="edge"/>
          <c:x val="6.4775199753553322E-2"/>
          <c:y val="0.11679998333541652"/>
          <c:w val="0.91212769018243267"/>
          <c:h val="0.69717743615381744"/>
        </c:manualLayout>
      </c:layout>
      <c:lineChart>
        <c:grouping val="standard"/>
        <c:ser>
          <c:idx val="0"/>
          <c:order val="0"/>
          <c:tx>
            <c:v>Average Temperarture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Kashmir_Temp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Kashmir_Temp!$C$14:$DI$14</c:f>
              <c:numCache>
                <c:formatCode>General</c:formatCode>
                <c:ptCount val="111"/>
                <c:pt idx="0">
                  <c:v>6.8424962999999845</c:v>
                </c:pt>
                <c:pt idx="1">
                  <c:v>7.0250077000000006</c:v>
                </c:pt>
                <c:pt idx="2">
                  <c:v>6.2925009999999855</c:v>
                </c:pt>
                <c:pt idx="3">
                  <c:v>6.6975029999999798</c:v>
                </c:pt>
                <c:pt idx="4">
                  <c:v>6.1425039999999855</c:v>
                </c:pt>
                <c:pt idx="5">
                  <c:v>6.8883276999999996</c:v>
                </c:pt>
                <c:pt idx="6">
                  <c:v>6.43332970000003</c:v>
                </c:pt>
                <c:pt idx="7">
                  <c:v>7.0000040000000006</c:v>
                </c:pt>
                <c:pt idx="8">
                  <c:v>6.4258263000000015</c:v>
                </c:pt>
                <c:pt idx="9">
                  <c:v>6.5916673000000134</c:v>
                </c:pt>
                <c:pt idx="10">
                  <c:v>6.7516672999999994</c:v>
                </c:pt>
                <c:pt idx="11">
                  <c:v>6.9566670000000208</c:v>
                </c:pt>
                <c:pt idx="12">
                  <c:v>6.3316672999999994</c:v>
                </c:pt>
                <c:pt idx="13">
                  <c:v>7.0058370000000005</c:v>
                </c:pt>
                <c:pt idx="14">
                  <c:v>7.1175072999999696</c:v>
                </c:pt>
                <c:pt idx="15">
                  <c:v>7.364167299999977</c:v>
                </c:pt>
                <c:pt idx="16">
                  <c:v>7.0133290000000024</c:v>
                </c:pt>
                <c:pt idx="17">
                  <c:v>6.4091736999999993</c:v>
                </c:pt>
                <c:pt idx="18">
                  <c:v>6.2675037000000007</c:v>
                </c:pt>
                <c:pt idx="19">
                  <c:v>5.6499959999999945</c:v>
                </c:pt>
                <c:pt idx="20">
                  <c:v>6.4891706999999998</c:v>
                </c:pt>
                <c:pt idx="21">
                  <c:v>7.3533362999999845</c:v>
                </c:pt>
                <c:pt idx="22">
                  <c:v>6.5474999999999985</c:v>
                </c:pt>
                <c:pt idx="23">
                  <c:v>6.5091763300000007</c:v>
                </c:pt>
                <c:pt idx="24">
                  <c:v>6.8358277000000003</c:v>
                </c:pt>
                <c:pt idx="25">
                  <c:v>6.6483330000000009</c:v>
                </c:pt>
                <c:pt idx="26">
                  <c:v>6.7016707000000189</c:v>
                </c:pt>
                <c:pt idx="27">
                  <c:v>7.2708336000000013</c:v>
                </c:pt>
                <c:pt idx="28">
                  <c:v>6.7166593000000034</c:v>
                </c:pt>
                <c:pt idx="29">
                  <c:v>6.4216669999999993</c:v>
                </c:pt>
                <c:pt idx="30">
                  <c:v>7.3633267000000018</c:v>
                </c:pt>
                <c:pt idx="31">
                  <c:v>7.1500097000000009</c:v>
                </c:pt>
                <c:pt idx="32">
                  <c:v>6.8983210000000001</c:v>
                </c:pt>
                <c:pt idx="33">
                  <c:v>7.2925025999999855</c:v>
                </c:pt>
                <c:pt idx="34">
                  <c:v>6.3666699999999992</c:v>
                </c:pt>
                <c:pt idx="35">
                  <c:v>7.1958196999999835</c:v>
                </c:pt>
                <c:pt idx="36">
                  <c:v>6.892506999999978</c:v>
                </c:pt>
                <c:pt idx="37">
                  <c:v>6.2683373000000007</c:v>
                </c:pt>
                <c:pt idx="38">
                  <c:v>6.7358300000000018</c:v>
                </c:pt>
                <c:pt idx="39">
                  <c:v>7.2008330000000011</c:v>
                </c:pt>
                <c:pt idx="40">
                  <c:v>7.953332999999998</c:v>
                </c:pt>
                <c:pt idx="41">
                  <c:v>7.2991620000000124</c:v>
                </c:pt>
                <c:pt idx="42">
                  <c:v>6.9333329999999993</c:v>
                </c:pt>
                <c:pt idx="43">
                  <c:v>6.9791730000000207</c:v>
                </c:pt>
                <c:pt idx="44">
                  <c:v>6.932503699999998</c:v>
                </c:pt>
                <c:pt idx="45">
                  <c:v>8.0408357000000006</c:v>
                </c:pt>
                <c:pt idx="46">
                  <c:v>7.0608266999999945</c:v>
                </c:pt>
                <c:pt idx="47">
                  <c:v>6.0933362999999945</c:v>
                </c:pt>
                <c:pt idx="48">
                  <c:v>6.6666673000000003</c:v>
                </c:pt>
                <c:pt idx="49">
                  <c:v>6.0608359999999779</c:v>
                </c:pt>
                <c:pt idx="50">
                  <c:v>6.6458262999999809</c:v>
                </c:pt>
                <c:pt idx="51">
                  <c:v>7.0358272999999985</c:v>
                </c:pt>
                <c:pt idx="52">
                  <c:v>7.5874977000000001</c:v>
                </c:pt>
                <c:pt idx="53">
                  <c:v>6.5800006699999845</c:v>
                </c:pt>
                <c:pt idx="54">
                  <c:v>7.0341700000000005</c:v>
                </c:pt>
                <c:pt idx="55">
                  <c:v>7.3841669999999855</c:v>
                </c:pt>
                <c:pt idx="56">
                  <c:v>5.8291662999999945</c:v>
                </c:pt>
                <c:pt idx="57">
                  <c:v>7.3541666999999826</c:v>
                </c:pt>
                <c:pt idx="58">
                  <c:v>6.9541637000000014</c:v>
                </c:pt>
                <c:pt idx="59">
                  <c:v>6.8958332999999845</c:v>
                </c:pt>
                <c:pt idx="60">
                  <c:v>6.8024900000000006</c:v>
                </c:pt>
                <c:pt idx="61">
                  <c:v>6.8200002999999789</c:v>
                </c:pt>
                <c:pt idx="62">
                  <c:v>6.9616706999999991</c:v>
                </c:pt>
                <c:pt idx="63">
                  <c:v>6.5091633299999998</c:v>
                </c:pt>
                <c:pt idx="64">
                  <c:v>6.2266627000000208</c:v>
                </c:pt>
                <c:pt idx="65">
                  <c:v>6.5683389999999955</c:v>
                </c:pt>
                <c:pt idx="66">
                  <c:v>6.8049927000000006</c:v>
                </c:pt>
                <c:pt idx="67">
                  <c:v>6.1975022999999778</c:v>
                </c:pt>
                <c:pt idx="68">
                  <c:v>7.0725039999999995</c:v>
                </c:pt>
                <c:pt idx="69">
                  <c:v>7.9350059999999987</c:v>
                </c:pt>
                <c:pt idx="70">
                  <c:v>7.8525062999999768</c:v>
                </c:pt>
                <c:pt idx="71">
                  <c:v>6.5183376699999807</c:v>
                </c:pt>
                <c:pt idx="72">
                  <c:v>7.7866700000000124</c:v>
                </c:pt>
                <c:pt idx="73">
                  <c:v>6.7799989999999992</c:v>
                </c:pt>
                <c:pt idx="74">
                  <c:v>6.1266656999999975</c:v>
                </c:pt>
                <c:pt idx="75">
                  <c:v>6.7433360000000011</c:v>
                </c:pt>
                <c:pt idx="76">
                  <c:v>7.7216772999999979</c:v>
                </c:pt>
                <c:pt idx="77">
                  <c:v>7.5474976999999965</c:v>
                </c:pt>
                <c:pt idx="78">
                  <c:v>7.4208260000000008</c:v>
                </c:pt>
                <c:pt idx="79">
                  <c:v>7.4083327000000034</c:v>
                </c:pt>
                <c:pt idx="80">
                  <c:v>7.2974997000000004</c:v>
                </c:pt>
                <c:pt idx="81">
                  <c:v>6.5216559999999975</c:v>
                </c:pt>
                <c:pt idx="82">
                  <c:v>6.5766597000000253</c:v>
                </c:pt>
                <c:pt idx="83">
                  <c:v>7.4291602999999995</c:v>
                </c:pt>
                <c:pt idx="84">
                  <c:v>7.7283266999999976</c:v>
                </c:pt>
                <c:pt idx="85">
                  <c:v>6.3875029999999855</c:v>
                </c:pt>
                <c:pt idx="86">
                  <c:v>6.7075070000000006</c:v>
                </c:pt>
                <c:pt idx="87">
                  <c:v>7.6433293000000004</c:v>
                </c:pt>
                <c:pt idx="88">
                  <c:v>6.6383270000000012</c:v>
                </c:pt>
                <c:pt idx="89">
                  <c:v>7.6441596999999808</c:v>
                </c:pt>
                <c:pt idx="90">
                  <c:v>6.5241676699999713</c:v>
                </c:pt>
                <c:pt idx="91">
                  <c:v>6.7008409999999996</c:v>
                </c:pt>
                <c:pt idx="92">
                  <c:v>7.1566737000000034</c:v>
                </c:pt>
                <c:pt idx="93">
                  <c:v>7.2275035999999826</c:v>
                </c:pt>
                <c:pt idx="94">
                  <c:v>6.6725007000000005</c:v>
                </c:pt>
                <c:pt idx="95">
                  <c:v>6.7900033000000004</c:v>
                </c:pt>
                <c:pt idx="96">
                  <c:v>7.0200070000000006</c:v>
                </c:pt>
                <c:pt idx="97">
                  <c:v>7.431656300000018</c:v>
                </c:pt>
                <c:pt idx="98">
                  <c:v>8.2233329999999984</c:v>
                </c:pt>
                <c:pt idx="99">
                  <c:v>8.1791670000000014</c:v>
                </c:pt>
                <c:pt idx="100">
                  <c:v>8.3216600000000014</c:v>
                </c:pt>
                <c:pt idx="101">
                  <c:v>7.8541569999999732</c:v>
                </c:pt>
                <c:pt idx="102">
                  <c:v>7.5033403000000014</c:v>
                </c:pt>
                <c:pt idx="103">
                  <c:v>8.1433329999999984</c:v>
                </c:pt>
                <c:pt idx="104">
                  <c:v>7.2833326999999999</c:v>
                </c:pt>
                <c:pt idx="105">
                  <c:v>7.9408437000000198</c:v>
                </c:pt>
                <c:pt idx="106">
                  <c:v>8.0333236999999986</c:v>
                </c:pt>
                <c:pt idx="107">
                  <c:v>7.8066637000000236</c:v>
                </c:pt>
                <c:pt idx="108">
                  <c:v>7.8024896699999742</c:v>
                </c:pt>
                <c:pt idx="109">
                  <c:v>7.9716710000000219</c:v>
                </c:pt>
                <c:pt idx="110">
                  <c:v>7.9758337000000123</c:v>
                </c:pt>
              </c:numCache>
            </c:numRef>
          </c:val>
        </c:ser>
        <c:marker val="1"/>
        <c:axId val="61360384"/>
        <c:axId val="61382656"/>
      </c:lineChart>
      <c:catAx>
        <c:axId val="61360384"/>
        <c:scaling>
          <c:orientation val="minMax"/>
        </c:scaling>
        <c:axPos val="b"/>
        <c:numFmt formatCode="General" sourceLinked="1"/>
        <c:tickLblPos val="nextTo"/>
        <c:crossAx val="61382656"/>
        <c:crosses val="autoZero"/>
        <c:auto val="1"/>
        <c:lblAlgn val="ctr"/>
        <c:lblOffset val="100"/>
      </c:catAx>
      <c:valAx>
        <c:axId val="61382656"/>
        <c:scaling>
          <c:orientation val="minMax"/>
          <c:min val="4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360384"/>
        <c:crosses val="autoZero"/>
        <c:crossBetween val="between"/>
        <c:majorUnit val="0.5"/>
      </c:valAx>
    </c:plotArea>
    <c:plotVisOnly val="1"/>
  </c:chart>
  <c:spPr>
    <a:ln w="25400">
      <a:solidFill>
        <a:schemeClr val="tx1"/>
      </a:solidFill>
    </a:ln>
  </c:spPr>
  <c:externalData r:id="rId1"/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Sindh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43709783104487487"/>
          <c:y val="0"/>
        </c:manualLayout>
      </c:layout>
      <c:overlay val="1"/>
    </c:title>
    <c:plotArea>
      <c:layout>
        <c:manualLayout>
          <c:layoutTarget val="inner"/>
          <c:xMode val="edge"/>
          <c:yMode val="edge"/>
          <c:x val="8.7996500437445321E-2"/>
          <c:y val="0.12149731283589545"/>
          <c:w val="0.90746222011193922"/>
          <c:h val="0.69248010665333504"/>
        </c:manualLayout>
      </c:layout>
      <c:lineChart>
        <c:grouping val="standard"/>
        <c:ser>
          <c:idx val="0"/>
          <c:order val="0"/>
          <c:tx>
            <c:v>Annual Mean Min. Temp.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Sindh_mintemp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Sindh_mintemp!$C$62:$DI$62</c:f>
              <c:numCache>
                <c:formatCode>General</c:formatCode>
                <c:ptCount val="111"/>
                <c:pt idx="0">
                  <c:v>18.734354385964924</c:v>
                </c:pt>
                <c:pt idx="1">
                  <c:v>19.272810526315787</c:v>
                </c:pt>
                <c:pt idx="2">
                  <c:v>18.319884210526318</c:v>
                </c:pt>
                <c:pt idx="3">
                  <c:v>18.901607017543789</c:v>
                </c:pt>
                <c:pt idx="4">
                  <c:v>18.381724561403512</c:v>
                </c:pt>
                <c:pt idx="5">
                  <c:v>18.542978947368418</c:v>
                </c:pt>
                <c:pt idx="6">
                  <c:v>18.386256140350877</c:v>
                </c:pt>
                <c:pt idx="7">
                  <c:v>18.213599999999989</c:v>
                </c:pt>
                <c:pt idx="8">
                  <c:v>18.115649122807014</c:v>
                </c:pt>
                <c:pt idx="9">
                  <c:v>18.067840350877187</c:v>
                </c:pt>
                <c:pt idx="10">
                  <c:v>18.158036842105165</c:v>
                </c:pt>
                <c:pt idx="11">
                  <c:v>18.833477192982535</c:v>
                </c:pt>
                <c:pt idx="12">
                  <c:v>18.263159649122713</c:v>
                </c:pt>
                <c:pt idx="13">
                  <c:v>18.5663701754386</c:v>
                </c:pt>
                <c:pt idx="14">
                  <c:v>18.903943859649122</c:v>
                </c:pt>
                <c:pt idx="15">
                  <c:v>18.33508947368421</c:v>
                </c:pt>
                <c:pt idx="16">
                  <c:v>18.077480701754393</c:v>
                </c:pt>
                <c:pt idx="17">
                  <c:v>18.085377192982467</c:v>
                </c:pt>
                <c:pt idx="18">
                  <c:v>18.215491228070174</c:v>
                </c:pt>
                <c:pt idx="19">
                  <c:v>18.483768421052634</c:v>
                </c:pt>
                <c:pt idx="20">
                  <c:v>18.969150877192906</c:v>
                </c:pt>
                <c:pt idx="21">
                  <c:v>18.723387719298245</c:v>
                </c:pt>
                <c:pt idx="22">
                  <c:v>18.235377192982458</c:v>
                </c:pt>
                <c:pt idx="23">
                  <c:v>18.586408771929715</c:v>
                </c:pt>
                <c:pt idx="24">
                  <c:v>18.598828070175429</c:v>
                </c:pt>
                <c:pt idx="25">
                  <c:v>18.579535087719286</c:v>
                </c:pt>
                <c:pt idx="26">
                  <c:v>18.244156140350871</c:v>
                </c:pt>
                <c:pt idx="27">
                  <c:v>18.947517543859629</c:v>
                </c:pt>
                <c:pt idx="28">
                  <c:v>18.247805263157897</c:v>
                </c:pt>
                <c:pt idx="29">
                  <c:v>18.366961403508835</c:v>
                </c:pt>
                <c:pt idx="30">
                  <c:v>19.105117543859652</c:v>
                </c:pt>
                <c:pt idx="31">
                  <c:v>19.229677192982447</c:v>
                </c:pt>
                <c:pt idx="32">
                  <c:v>18.895464912280701</c:v>
                </c:pt>
                <c:pt idx="33">
                  <c:v>18.798233333333155</c:v>
                </c:pt>
                <c:pt idx="34">
                  <c:v>18.274266666666691</c:v>
                </c:pt>
                <c:pt idx="35">
                  <c:v>18.734059649122813</c:v>
                </c:pt>
                <c:pt idx="36">
                  <c:v>18.401315789473685</c:v>
                </c:pt>
                <c:pt idx="37">
                  <c:v>18.629235087719302</c:v>
                </c:pt>
                <c:pt idx="38">
                  <c:v>18.619143859649117</c:v>
                </c:pt>
                <c:pt idx="39">
                  <c:v>19.012578947368418</c:v>
                </c:pt>
                <c:pt idx="40">
                  <c:v>19.593570175438597</c:v>
                </c:pt>
                <c:pt idx="41">
                  <c:v>18.905552631578814</c:v>
                </c:pt>
                <c:pt idx="42">
                  <c:v>18.855852631578927</c:v>
                </c:pt>
                <c:pt idx="43">
                  <c:v>18.695466666666668</c:v>
                </c:pt>
                <c:pt idx="44">
                  <c:v>18.425287719298243</c:v>
                </c:pt>
                <c:pt idx="45">
                  <c:v>19.011550877192985</c:v>
                </c:pt>
                <c:pt idx="46">
                  <c:v>19.277484210526289</c:v>
                </c:pt>
                <c:pt idx="47">
                  <c:v>19.037866666666762</c:v>
                </c:pt>
                <c:pt idx="48">
                  <c:v>18.921045614035087</c:v>
                </c:pt>
                <c:pt idx="49">
                  <c:v>18.147664912280735</c:v>
                </c:pt>
                <c:pt idx="50">
                  <c:v>19.003654385964889</c:v>
                </c:pt>
                <c:pt idx="51">
                  <c:v>19.017691228070191</c:v>
                </c:pt>
                <c:pt idx="52">
                  <c:v>19.433629824561223</c:v>
                </c:pt>
                <c:pt idx="53">
                  <c:v>19.139040350877192</c:v>
                </c:pt>
                <c:pt idx="54">
                  <c:v>19.054240350877187</c:v>
                </c:pt>
                <c:pt idx="55">
                  <c:v>18.489610526315683</c:v>
                </c:pt>
                <c:pt idx="56">
                  <c:v>18.749707017543766</c:v>
                </c:pt>
                <c:pt idx="57">
                  <c:v>19.71388771929837</c:v>
                </c:pt>
                <c:pt idx="58">
                  <c:v>19.108624561403509</c:v>
                </c:pt>
                <c:pt idx="59">
                  <c:v>18.512424561403513</c:v>
                </c:pt>
                <c:pt idx="60">
                  <c:v>18.526315789473692</c:v>
                </c:pt>
                <c:pt idx="61">
                  <c:v>18.42572982456117</c:v>
                </c:pt>
                <c:pt idx="62">
                  <c:v>19.370173684210531</c:v>
                </c:pt>
                <c:pt idx="63">
                  <c:v>18.462578947368296</c:v>
                </c:pt>
                <c:pt idx="64">
                  <c:v>18.770901754385967</c:v>
                </c:pt>
                <c:pt idx="65">
                  <c:v>18.791668421052734</c:v>
                </c:pt>
                <c:pt idx="66">
                  <c:v>18.513892982456145</c:v>
                </c:pt>
                <c:pt idx="67">
                  <c:v>18.636401754385965</c:v>
                </c:pt>
                <c:pt idx="68">
                  <c:v>19.421491228070174</c:v>
                </c:pt>
                <c:pt idx="69">
                  <c:v>19.129091228070191</c:v>
                </c:pt>
                <c:pt idx="70">
                  <c:v>18.776166666666665</c:v>
                </c:pt>
                <c:pt idx="71">
                  <c:v>18.368129824561233</c:v>
                </c:pt>
                <c:pt idx="72">
                  <c:v>18.686547368420989</c:v>
                </c:pt>
                <c:pt idx="73">
                  <c:v>18.681433333333185</c:v>
                </c:pt>
                <c:pt idx="74">
                  <c:v>18.556142105263081</c:v>
                </c:pt>
                <c:pt idx="75">
                  <c:v>18.83610701754386</c:v>
                </c:pt>
                <c:pt idx="76">
                  <c:v>19.131871929824722</c:v>
                </c:pt>
                <c:pt idx="77">
                  <c:v>18.596054385964916</c:v>
                </c:pt>
                <c:pt idx="78">
                  <c:v>19.107303508771889</c:v>
                </c:pt>
                <c:pt idx="79">
                  <c:v>19.367984210526309</c:v>
                </c:pt>
                <c:pt idx="80">
                  <c:v>18.671054385964911</c:v>
                </c:pt>
                <c:pt idx="81">
                  <c:v>18.776319298245589</c:v>
                </c:pt>
                <c:pt idx="82">
                  <c:v>18.260380701754382</c:v>
                </c:pt>
                <c:pt idx="83">
                  <c:v>18.393564912280731</c:v>
                </c:pt>
                <c:pt idx="84">
                  <c:v>19.53084912280703</c:v>
                </c:pt>
                <c:pt idx="85">
                  <c:v>19.234505263157899</c:v>
                </c:pt>
                <c:pt idx="86">
                  <c:v>19.790785964912278</c:v>
                </c:pt>
                <c:pt idx="87">
                  <c:v>20.209940350877186</c:v>
                </c:pt>
                <c:pt idx="88">
                  <c:v>18.700875438596569</c:v>
                </c:pt>
                <c:pt idx="89">
                  <c:v>19.380852631578929</c:v>
                </c:pt>
                <c:pt idx="90">
                  <c:v>19.215938596491227</c:v>
                </c:pt>
                <c:pt idx="91">
                  <c:v>19.355703508771796</c:v>
                </c:pt>
                <c:pt idx="92">
                  <c:v>19.943414035087649</c:v>
                </c:pt>
                <c:pt idx="93">
                  <c:v>19.42339122807018</c:v>
                </c:pt>
                <c:pt idx="94">
                  <c:v>19.661984210526317</c:v>
                </c:pt>
                <c:pt idx="95">
                  <c:v>19.342542105263021</c:v>
                </c:pt>
                <c:pt idx="96">
                  <c:v>18.748094736842102</c:v>
                </c:pt>
                <c:pt idx="97">
                  <c:v>19.774859649122803</c:v>
                </c:pt>
                <c:pt idx="98">
                  <c:v>19.644001754385968</c:v>
                </c:pt>
                <c:pt idx="99">
                  <c:v>19.467980701754385</c:v>
                </c:pt>
                <c:pt idx="100">
                  <c:v>19.363449122807012</c:v>
                </c:pt>
                <c:pt idx="101">
                  <c:v>19.654382456140354</c:v>
                </c:pt>
                <c:pt idx="102">
                  <c:v>19.488156140350803</c:v>
                </c:pt>
                <c:pt idx="103">
                  <c:v>20.080854385964916</c:v>
                </c:pt>
                <c:pt idx="104">
                  <c:v>18.980996491228073</c:v>
                </c:pt>
                <c:pt idx="105">
                  <c:v>19.142689473684189</c:v>
                </c:pt>
                <c:pt idx="106">
                  <c:v>19.918277192982458</c:v>
                </c:pt>
                <c:pt idx="107">
                  <c:v>19.445171929824568</c:v>
                </c:pt>
                <c:pt idx="108">
                  <c:v>20.298089473684186</c:v>
                </c:pt>
                <c:pt idx="109">
                  <c:v>20.212284210526242</c:v>
                </c:pt>
                <c:pt idx="110">
                  <c:v>19.599552631578867</c:v>
                </c:pt>
              </c:numCache>
            </c:numRef>
          </c:val>
        </c:ser>
        <c:marker val="1"/>
        <c:axId val="61559168"/>
        <c:axId val="61560704"/>
      </c:lineChart>
      <c:catAx>
        <c:axId val="61559168"/>
        <c:scaling>
          <c:orientation val="minMax"/>
        </c:scaling>
        <c:axPos val="b"/>
        <c:numFmt formatCode="General" sourceLinked="1"/>
        <c:tickLblPos val="nextTo"/>
        <c:crossAx val="61560704"/>
        <c:crosses val="autoZero"/>
        <c:auto val="1"/>
        <c:lblAlgn val="ctr"/>
        <c:lblOffset val="100"/>
      </c:catAx>
      <c:valAx>
        <c:axId val="61560704"/>
        <c:scaling>
          <c:orientation val="minMax"/>
          <c:min val="17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559168"/>
        <c:crosses val="autoZero"/>
        <c:crossBetween val="between"/>
      </c:valAx>
    </c:plotArea>
    <c:plotVisOnly val="1"/>
  </c:chart>
  <c:spPr>
    <a:ln w="25400">
      <a:solidFill>
        <a:schemeClr val="tx1">
          <a:alpha val="60000"/>
        </a:schemeClr>
      </a:solidFill>
    </a:ln>
  </c:spPr>
  <c:externalData r:id="rId1"/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Punjab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42858875279479075"/>
          <c:y val="1.0582010582010591E-3"/>
        </c:manualLayout>
      </c:layout>
    </c:title>
    <c:plotArea>
      <c:layout>
        <c:manualLayout>
          <c:layoutTarget val="inner"/>
          <c:xMode val="edge"/>
          <c:yMode val="edge"/>
          <c:x val="7.8645277643543704E-2"/>
          <c:y val="0.1010204349456322"/>
          <c:w val="0.8861046520809448"/>
          <c:h val="0.69429290088738849"/>
        </c:manualLayout>
      </c:layout>
      <c:lineChart>
        <c:grouping val="standard"/>
        <c:ser>
          <c:idx val="0"/>
          <c:order val="0"/>
          <c:tx>
            <c:v>Annual Mean Min. Temp.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PunJab_Tmn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PunJab_Tmn!$C$88:$DI$88</c:f>
              <c:numCache>
                <c:formatCode>General</c:formatCode>
                <c:ptCount val="111"/>
                <c:pt idx="0">
                  <c:v>17.450795238095189</c:v>
                </c:pt>
                <c:pt idx="1">
                  <c:v>17.742758333333189</c:v>
                </c:pt>
                <c:pt idx="2">
                  <c:v>16.766071428571436</c:v>
                </c:pt>
                <c:pt idx="3">
                  <c:v>17.33561547619049</c:v>
                </c:pt>
                <c:pt idx="4">
                  <c:v>16.832241666666668</c:v>
                </c:pt>
                <c:pt idx="5">
                  <c:v>17.150888095238194</c:v>
                </c:pt>
                <c:pt idx="6">
                  <c:v>16.745038095238087</c:v>
                </c:pt>
                <c:pt idx="7">
                  <c:v>16.818945238095232</c:v>
                </c:pt>
                <c:pt idx="8">
                  <c:v>16.627284523809607</c:v>
                </c:pt>
                <c:pt idx="9">
                  <c:v>16.606445238095226</c:v>
                </c:pt>
                <c:pt idx="10">
                  <c:v>17.004370238095227</c:v>
                </c:pt>
                <c:pt idx="11">
                  <c:v>17.104563095238095</c:v>
                </c:pt>
                <c:pt idx="12">
                  <c:v>16.727778571428566</c:v>
                </c:pt>
                <c:pt idx="13">
                  <c:v>16.818950000000093</c:v>
                </c:pt>
                <c:pt idx="14">
                  <c:v>17.619346428571433</c:v>
                </c:pt>
                <c:pt idx="15">
                  <c:v>16.820533333333177</c:v>
                </c:pt>
                <c:pt idx="16">
                  <c:v>16.38888928571421</c:v>
                </c:pt>
                <c:pt idx="17">
                  <c:v>16.808136904761763</c:v>
                </c:pt>
                <c:pt idx="18">
                  <c:v>16.565573809523656</c:v>
                </c:pt>
                <c:pt idx="19">
                  <c:v>16.732640476190472</c:v>
                </c:pt>
                <c:pt idx="20">
                  <c:v>17.80615119047626</c:v>
                </c:pt>
                <c:pt idx="21">
                  <c:v>17.196030952380926</c:v>
                </c:pt>
                <c:pt idx="22">
                  <c:v>16.530058333333329</c:v>
                </c:pt>
                <c:pt idx="23">
                  <c:v>16.625696428571427</c:v>
                </c:pt>
                <c:pt idx="24">
                  <c:v>16.661007142857141</c:v>
                </c:pt>
                <c:pt idx="25">
                  <c:v>16.579655952380953</c:v>
                </c:pt>
                <c:pt idx="26">
                  <c:v>16.627279761904791</c:v>
                </c:pt>
                <c:pt idx="27">
                  <c:v>17.44384761904762</c:v>
                </c:pt>
                <c:pt idx="28">
                  <c:v>16.770441666666663</c:v>
                </c:pt>
                <c:pt idx="29">
                  <c:v>16.453576190476184</c:v>
                </c:pt>
                <c:pt idx="30">
                  <c:v>17.728367857142789</c:v>
                </c:pt>
                <c:pt idx="31">
                  <c:v>17.894347619047625</c:v>
                </c:pt>
                <c:pt idx="32">
                  <c:v>17.148509523809519</c:v>
                </c:pt>
                <c:pt idx="33">
                  <c:v>17.501888095238176</c:v>
                </c:pt>
                <c:pt idx="34">
                  <c:v>16.750792857142759</c:v>
                </c:pt>
                <c:pt idx="35">
                  <c:v>17.197419047619046</c:v>
                </c:pt>
                <c:pt idx="36">
                  <c:v>17.081645238095156</c:v>
                </c:pt>
                <c:pt idx="37">
                  <c:v>17.42717857142857</c:v>
                </c:pt>
                <c:pt idx="38">
                  <c:v>17.360819047619046</c:v>
                </c:pt>
                <c:pt idx="39">
                  <c:v>17.702874999999999</c:v>
                </c:pt>
                <c:pt idx="40">
                  <c:v>18.513688095238098</c:v>
                </c:pt>
                <c:pt idx="41">
                  <c:v>17.693751190476195</c:v>
                </c:pt>
                <c:pt idx="42">
                  <c:v>17.858233333333189</c:v>
                </c:pt>
                <c:pt idx="43">
                  <c:v>17.129963095238164</c:v>
                </c:pt>
                <c:pt idx="44">
                  <c:v>16.992958333333259</c:v>
                </c:pt>
                <c:pt idx="45">
                  <c:v>18.139685714285807</c:v>
                </c:pt>
                <c:pt idx="46">
                  <c:v>18.059230952380929</c:v>
                </c:pt>
                <c:pt idx="47">
                  <c:v>17.35327261904763</c:v>
                </c:pt>
                <c:pt idx="48">
                  <c:v>17.155855952381028</c:v>
                </c:pt>
                <c:pt idx="49">
                  <c:v>16.1461333333332</c:v>
                </c:pt>
                <c:pt idx="50">
                  <c:v>17.34871547619047</c:v>
                </c:pt>
                <c:pt idx="51">
                  <c:v>17.646522619047627</c:v>
                </c:pt>
                <c:pt idx="52">
                  <c:v>18.191973809523809</c:v>
                </c:pt>
                <c:pt idx="53">
                  <c:v>17.434823809523746</c:v>
                </c:pt>
                <c:pt idx="54">
                  <c:v>17.178270238095227</c:v>
                </c:pt>
                <c:pt idx="55">
                  <c:v>17.019442857142781</c:v>
                </c:pt>
                <c:pt idx="56">
                  <c:v>16.606847619047631</c:v>
                </c:pt>
                <c:pt idx="57">
                  <c:v>18.037003571428567</c:v>
                </c:pt>
                <c:pt idx="58">
                  <c:v>17.419642857142751</c:v>
                </c:pt>
                <c:pt idx="59">
                  <c:v>17.017060714285805</c:v>
                </c:pt>
                <c:pt idx="60">
                  <c:v>16.887004761904755</c:v>
                </c:pt>
                <c:pt idx="61">
                  <c:v>16.905249999999864</c:v>
                </c:pt>
                <c:pt idx="62">
                  <c:v>17.389383333333189</c:v>
                </c:pt>
                <c:pt idx="63">
                  <c:v>16.674497619047635</c:v>
                </c:pt>
                <c:pt idx="64">
                  <c:v>16.909825000000001</c:v>
                </c:pt>
                <c:pt idx="65">
                  <c:v>16.667364285714285</c:v>
                </c:pt>
                <c:pt idx="66">
                  <c:v>16.582444047618978</c:v>
                </c:pt>
                <c:pt idx="67">
                  <c:v>16.464382142857129</c:v>
                </c:pt>
                <c:pt idx="68">
                  <c:v>17.40396666666669</c:v>
                </c:pt>
                <c:pt idx="69">
                  <c:v>17.429166666666667</c:v>
                </c:pt>
                <c:pt idx="70">
                  <c:v>17.057244047619047</c:v>
                </c:pt>
                <c:pt idx="71">
                  <c:v>16.620239285714209</c:v>
                </c:pt>
                <c:pt idx="72">
                  <c:v>17.054465476190558</c:v>
                </c:pt>
                <c:pt idx="73">
                  <c:v>16.866869047619055</c:v>
                </c:pt>
                <c:pt idx="74">
                  <c:v>16.589286904761771</c:v>
                </c:pt>
                <c:pt idx="75">
                  <c:v>16.80634285714277</c:v>
                </c:pt>
                <c:pt idx="76">
                  <c:v>17.567655952380953</c:v>
                </c:pt>
                <c:pt idx="77">
                  <c:v>17.26974285714271</c:v>
                </c:pt>
                <c:pt idx="78">
                  <c:v>17.29781785714286</c:v>
                </c:pt>
                <c:pt idx="79">
                  <c:v>17.501094047619048</c:v>
                </c:pt>
                <c:pt idx="80">
                  <c:v>17.42499761904763</c:v>
                </c:pt>
                <c:pt idx="81">
                  <c:v>16.944939285714209</c:v>
                </c:pt>
                <c:pt idx="82">
                  <c:v>16.409917857142826</c:v>
                </c:pt>
                <c:pt idx="83">
                  <c:v>17.025988095238098</c:v>
                </c:pt>
                <c:pt idx="84">
                  <c:v>17.506047619047614</c:v>
                </c:pt>
                <c:pt idx="85">
                  <c:v>16.801976190476235</c:v>
                </c:pt>
                <c:pt idx="86">
                  <c:v>17.479863095238095</c:v>
                </c:pt>
                <c:pt idx="87">
                  <c:v>17.896327380952329</c:v>
                </c:pt>
                <c:pt idx="88">
                  <c:v>16.546535714285714</c:v>
                </c:pt>
                <c:pt idx="89">
                  <c:v>17.536309523809521</c:v>
                </c:pt>
                <c:pt idx="90">
                  <c:v>17.27539880952369</c:v>
                </c:pt>
                <c:pt idx="91">
                  <c:v>17.278473809523671</c:v>
                </c:pt>
                <c:pt idx="92">
                  <c:v>17.852874999999997</c:v>
                </c:pt>
                <c:pt idx="93">
                  <c:v>17.590673809523683</c:v>
                </c:pt>
                <c:pt idx="94">
                  <c:v>17.334026190476191</c:v>
                </c:pt>
                <c:pt idx="95">
                  <c:v>17.297119047619049</c:v>
                </c:pt>
                <c:pt idx="96">
                  <c:v>16.412101190476193</c:v>
                </c:pt>
                <c:pt idx="97">
                  <c:v>17.681940476190491</c:v>
                </c:pt>
                <c:pt idx="98">
                  <c:v>18.244245238095189</c:v>
                </c:pt>
                <c:pt idx="99">
                  <c:v>17.906445238095156</c:v>
                </c:pt>
                <c:pt idx="100">
                  <c:v>17.847519047619052</c:v>
                </c:pt>
                <c:pt idx="101">
                  <c:v>18.089879761904765</c:v>
                </c:pt>
                <c:pt idx="102">
                  <c:v>17.437502380952299</c:v>
                </c:pt>
                <c:pt idx="103">
                  <c:v>18.041665476190495</c:v>
                </c:pt>
                <c:pt idx="104">
                  <c:v>17.230355952380954</c:v>
                </c:pt>
                <c:pt idx="105">
                  <c:v>17.287596428571426</c:v>
                </c:pt>
                <c:pt idx="106">
                  <c:v>17.793257142857136</c:v>
                </c:pt>
                <c:pt idx="107">
                  <c:v>17.702775000000003</c:v>
                </c:pt>
                <c:pt idx="108">
                  <c:v>18.027774999999988</c:v>
                </c:pt>
                <c:pt idx="109">
                  <c:v>18.194942857142856</c:v>
                </c:pt>
                <c:pt idx="110">
                  <c:v>17.834819047619124</c:v>
                </c:pt>
              </c:numCache>
            </c:numRef>
          </c:val>
        </c:ser>
        <c:marker val="1"/>
        <c:axId val="61577088"/>
        <c:axId val="61578624"/>
      </c:lineChart>
      <c:catAx>
        <c:axId val="61577088"/>
        <c:scaling>
          <c:orientation val="minMax"/>
        </c:scaling>
        <c:axPos val="b"/>
        <c:numFmt formatCode="General" sourceLinked="1"/>
        <c:tickLblPos val="nextTo"/>
        <c:crossAx val="61578624"/>
        <c:crosses val="autoZero"/>
        <c:auto val="1"/>
        <c:lblAlgn val="ctr"/>
        <c:lblOffset val="100"/>
      </c:catAx>
      <c:valAx>
        <c:axId val="61578624"/>
        <c:scaling>
          <c:orientation val="minMax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577088"/>
        <c:crosses val="autoZero"/>
        <c:crossBetween val="between"/>
        <c:majorUnit val="0.5"/>
      </c:valAx>
    </c:plotArea>
    <c:plotVisOnly val="1"/>
  </c:chart>
  <c:spPr>
    <a:ln w="25400">
      <a:solidFill>
        <a:schemeClr val="tx1">
          <a:alpha val="63000"/>
        </a:schemeClr>
      </a:solidFill>
    </a:ln>
  </c:spPr>
  <c:externalData r:id="rId1"/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Balochistan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40526122098355671"/>
          <c:y val="1.2055007208605969E-3"/>
        </c:manualLayout>
      </c:layout>
    </c:title>
    <c:plotArea>
      <c:layout>
        <c:manualLayout>
          <c:layoutTarget val="inner"/>
          <c:xMode val="edge"/>
          <c:yMode val="edge"/>
          <c:x val="7.6484855924477041E-2"/>
          <c:y val="0.11813054618172729"/>
          <c:w val="0.89852541290898913"/>
          <c:h val="0.69584687330750539"/>
        </c:manualLayout>
      </c:layout>
      <c:lineChart>
        <c:grouping val="standard"/>
        <c:ser>
          <c:idx val="0"/>
          <c:order val="0"/>
          <c:tx>
            <c:v>Annual Mean Min. Temp.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'Balochistan-Min Temp'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'Balochistan-Min Temp'!$C$144:$DI$144</c:f>
              <c:numCache>
                <c:formatCode>General</c:formatCode>
                <c:ptCount val="111"/>
                <c:pt idx="0">
                  <c:v>13.635234500000006</c:v>
                </c:pt>
                <c:pt idx="1">
                  <c:v>14.058215642857141</c:v>
                </c:pt>
                <c:pt idx="2">
                  <c:v>13.015656571428618</c:v>
                </c:pt>
                <c:pt idx="3">
                  <c:v>13.578154785714291</c:v>
                </c:pt>
                <c:pt idx="4">
                  <c:v>13.151963285714281</c:v>
                </c:pt>
                <c:pt idx="5">
                  <c:v>13.450832785714304</c:v>
                </c:pt>
                <c:pt idx="6">
                  <c:v>13.136430642857142</c:v>
                </c:pt>
                <c:pt idx="7">
                  <c:v>13.174762357142852</c:v>
                </c:pt>
                <c:pt idx="8">
                  <c:v>13.178634142857151</c:v>
                </c:pt>
                <c:pt idx="9">
                  <c:v>12.793572428571418</c:v>
                </c:pt>
                <c:pt idx="10">
                  <c:v>12.79672721428572</c:v>
                </c:pt>
                <c:pt idx="11">
                  <c:v>13.608512071428573</c:v>
                </c:pt>
                <c:pt idx="12">
                  <c:v>13.141013357142848</c:v>
                </c:pt>
                <c:pt idx="13">
                  <c:v>13.483986142857134</c:v>
                </c:pt>
                <c:pt idx="14">
                  <c:v>13.755715928571428</c:v>
                </c:pt>
                <c:pt idx="15">
                  <c:v>13.063807428571428</c:v>
                </c:pt>
                <c:pt idx="16">
                  <c:v>13.20321221428572</c:v>
                </c:pt>
                <c:pt idx="17">
                  <c:v>12.771134000000002</c:v>
                </c:pt>
                <c:pt idx="18">
                  <c:v>12.987260571428573</c:v>
                </c:pt>
                <c:pt idx="19">
                  <c:v>13.043271928571375</c:v>
                </c:pt>
                <c:pt idx="20">
                  <c:v>13.627559357142857</c:v>
                </c:pt>
                <c:pt idx="21">
                  <c:v>13.583931357142857</c:v>
                </c:pt>
                <c:pt idx="22">
                  <c:v>12.868395214285757</c:v>
                </c:pt>
                <c:pt idx="23">
                  <c:v>13.234046714285714</c:v>
                </c:pt>
                <c:pt idx="24">
                  <c:v>13.345953642857133</c:v>
                </c:pt>
                <c:pt idx="25">
                  <c:v>13.447494500000024</c:v>
                </c:pt>
                <c:pt idx="26">
                  <c:v>13.227797785714268</c:v>
                </c:pt>
                <c:pt idx="27">
                  <c:v>13.67226121428572</c:v>
                </c:pt>
                <c:pt idx="28">
                  <c:v>12.918870785714248</c:v>
                </c:pt>
                <c:pt idx="29">
                  <c:v>12.999582642857154</c:v>
                </c:pt>
                <c:pt idx="30">
                  <c:v>13.244290428571375</c:v>
                </c:pt>
                <c:pt idx="31">
                  <c:v>13.339108785714281</c:v>
                </c:pt>
                <c:pt idx="32">
                  <c:v>13.260296642857153</c:v>
                </c:pt>
                <c:pt idx="33">
                  <c:v>13.247797928571398</c:v>
                </c:pt>
                <c:pt idx="34">
                  <c:v>12.657263071428558</c:v>
                </c:pt>
                <c:pt idx="35">
                  <c:v>13.255836428571454</c:v>
                </c:pt>
                <c:pt idx="36">
                  <c:v>12.83012028571429</c:v>
                </c:pt>
                <c:pt idx="37">
                  <c:v>13.405178714285714</c:v>
                </c:pt>
                <c:pt idx="38">
                  <c:v>13.49428407142857</c:v>
                </c:pt>
                <c:pt idx="39">
                  <c:v>13.876486428571477</c:v>
                </c:pt>
                <c:pt idx="40">
                  <c:v>14.53690457142857</c:v>
                </c:pt>
                <c:pt idx="41">
                  <c:v>13.718807</c:v>
                </c:pt>
                <c:pt idx="42">
                  <c:v>13.319107142857137</c:v>
                </c:pt>
                <c:pt idx="43">
                  <c:v>13.366488357142913</c:v>
                </c:pt>
                <c:pt idx="44">
                  <c:v>13.173155214285726</c:v>
                </c:pt>
                <c:pt idx="45">
                  <c:v>13.767142214285752</c:v>
                </c:pt>
                <c:pt idx="46">
                  <c:v>14.101188357142853</c:v>
                </c:pt>
                <c:pt idx="47">
                  <c:v>13.728929428571362</c:v>
                </c:pt>
                <c:pt idx="48">
                  <c:v>13.270593785714283</c:v>
                </c:pt>
                <c:pt idx="49">
                  <c:v>12.292793214285757</c:v>
                </c:pt>
                <c:pt idx="50">
                  <c:v>13.428158285714288</c:v>
                </c:pt>
                <c:pt idx="51">
                  <c:v>13.270119785714288</c:v>
                </c:pt>
                <c:pt idx="52">
                  <c:v>14.020834857142876</c:v>
                </c:pt>
                <c:pt idx="53">
                  <c:v>13.446844642857144</c:v>
                </c:pt>
                <c:pt idx="54">
                  <c:v>13.472859857142913</c:v>
                </c:pt>
                <c:pt idx="55">
                  <c:v>13.402974714285724</c:v>
                </c:pt>
                <c:pt idx="56">
                  <c:v>13.358631714285726</c:v>
                </c:pt>
                <c:pt idx="57">
                  <c:v>14.431903499999999</c:v>
                </c:pt>
                <c:pt idx="58">
                  <c:v>14.220058928571389</c:v>
                </c:pt>
                <c:pt idx="59">
                  <c:v>13.238394714285715</c:v>
                </c:pt>
                <c:pt idx="60">
                  <c:v>13.577915928571418</c:v>
                </c:pt>
                <c:pt idx="61">
                  <c:v>12.961664428571423</c:v>
                </c:pt>
                <c:pt idx="62">
                  <c:v>14.403334928571427</c:v>
                </c:pt>
                <c:pt idx="63">
                  <c:v>13.195533928571432</c:v>
                </c:pt>
                <c:pt idx="64">
                  <c:v>13.747680285714287</c:v>
                </c:pt>
                <c:pt idx="65">
                  <c:v>13.448034642857133</c:v>
                </c:pt>
                <c:pt idx="66">
                  <c:v>13.680360785714248</c:v>
                </c:pt>
                <c:pt idx="67">
                  <c:v>13.581962714285712</c:v>
                </c:pt>
                <c:pt idx="68">
                  <c:v>14.301068499999994</c:v>
                </c:pt>
                <c:pt idx="69">
                  <c:v>14.094703000000001</c:v>
                </c:pt>
                <c:pt idx="70">
                  <c:v>13.573276285714282</c:v>
                </c:pt>
                <c:pt idx="71">
                  <c:v>12.534702142857141</c:v>
                </c:pt>
                <c:pt idx="72">
                  <c:v>13.430535785714282</c:v>
                </c:pt>
                <c:pt idx="73">
                  <c:v>13.243805857142855</c:v>
                </c:pt>
                <c:pt idx="74">
                  <c:v>13.157019357142866</c:v>
                </c:pt>
                <c:pt idx="75">
                  <c:v>13.593931285714282</c:v>
                </c:pt>
                <c:pt idx="76">
                  <c:v>14.292261999999997</c:v>
                </c:pt>
                <c:pt idx="77">
                  <c:v>13.662259571428574</c:v>
                </c:pt>
                <c:pt idx="78">
                  <c:v>13.665417000000026</c:v>
                </c:pt>
                <c:pt idx="79">
                  <c:v>14.563927785714283</c:v>
                </c:pt>
                <c:pt idx="80">
                  <c:v>13.958451142857145</c:v>
                </c:pt>
                <c:pt idx="81">
                  <c:v>13.591427142857141</c:v>
                </c:pt>
                <c:pt idx="82">
                  <c:v>13.439584928571454</c:v>
                </c:pt>
                <c:pt idx="83">
                  <c:v>13.742258928571392</c:v>
                </c:pt>
                <c:pt idx="84">
                  <c:v>14.331666428571419</c:v>
                </c:pt>
                <c:pt idx="85">
                  <c:v>13.940180571428574</c:v>
                </c:pt>
                <c:pt idx="86">
                  <c:v>14.474583357142874</c:v>
                </c:pt>
                <c:pt idx="87">
                  <c:v>15.121014000000001</c:v>
                </c:pt>
                <c:pt idx="88">
                  <c:v>13.576188571428576</c:v>
                </c:pt>
                <c:pt idx="89">
                  <c:v>14.714165928571386</c:v>
                </c:pt>
                <c:pt idx="90">
                  <c:v>14.499581642857146</c:v>
                </c:pt>
                <c:pt idx="91">
                  <c:v>14.239701214285716</c:v>
                </c:pt>
                <c:pt idx="92">
                  <c:v>14.77011635714285</c:v>
                </c:pt>
                <c:pt idx="93">
                  <c:v>14.811785500000006</c:v>
                </c:pt>
                <c:pt idx="94">
                  <c:v>14.452258357142854</c:v>
                </c:pt>
                <c:pt idx="95">
                  <c:v>14.136549214285768</c:v>
                </c:pt>
                <c:pt idx="96">
                  <c:v>14.103094928571425</c:v>
                </c:pt>
                <c:pt idx="97">
                  <c:v>15.028454357142856</c:v>
                </c:pt>
                <c:pt idx="98">
                  <c:v>15.175059142857142</c:v>
                </c:pt>
                <c:pt idx="99">
                  <c:v>14.787859214285724</c:v>
                </c:pt>
                <c:pt idx="100">
                  <c:v>15.107914714285702</c:v>
                </c:pt>
                <c:pt idx="101">
                  <c:v>15.063332571428576</c:v>
                </c:pt>
                <c:pt idx="102">
                  <c:v>14.803631142857142</c:v>
                </c:pt>
                <c:pt idx="103">
                  <c:v>15.279818428571398</c:v>
                </c:pt>
                <c:pt idx="104">
                  <c:v>14.767796428571433</c:v>
                </c:pt>
                <c:pt idx="105">
                  <c:v>14.762502857142906</c:v>
                </c:pt>
                <c:pt idx="106">
                  <c:v>15.160594857142913</c:v>
                </c:pt>
                <c:pt idx="107">
                  <c:v>15.090533571428574</c:v>
                </c:pt>
                <c:pt idx="108">
                  <c:v>15.708572357142858</c:v>
                </c:pt>
                <c:pt idx="109">
                  <c:v>15.583930214285772</c:v>
                </c:pt>
                <c:pt idx="110">
                  <c:v>15.374046500000048</c:v>
                </c:pt>
              </c:numCache>
            </c:numRef>
          </c:val>
        </c:ser>
        <c:marker val="1"/>
        <c:axId val="61607296"/>
        <c:axId val="61621376"/>
      </c:lineChart>
      <c:catAx>
        <c:axId val="61607296"/>
        <c:scaling>
          <c:orientation val="minMax"/>
        </c:scaling>
        <c:axPos val="b"/>
        <c:numFmt formatCode="General" sourceLinked="1"/>
        <c:tickLblPos val="nextTo"/>
        <c:crossAx val="61621376"/>
        <c:crosses val="autoZero"/>
        <c:auto val="1"/>
        <c:lblAlgn val="ctr"/>
        <c:lblOffset val="100"/>
      </c:catAx>
      <c:valAx>
        <c:axId val="61621376"/>
        <c:scaling>
          <c:orientation val="minMax"/>
          <c:min val="11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607296"/>
        <c:crosses val="autoZero"/>
        <c:crossBetween val="between"/>
        <c:majorUnit val="0.5"/>
      </c:valAx>
    </c:plotArea>
    <c:plotVisOnly val="1"/>
  </c:chart>
  <c:spPr>
    <a:ln w="25400">
      <a:solidFill>
        <a:schemeClr val="tx1"/>
      </a:solidFill>
    </a:ln>
  </c:spPr>
  <c:externalData r:id="rId1"/>
</c:chartSpace>
</file>

<file path=ppt/charts/chart1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>
                <a:latin typeface="Times New Roman" pitchFamily="18" charset="0"/>
                <a:cs typeface="Times New Roman" pitchFamily="18" charset="0"/>
              </a:rPr>
              <a:t>Khyber </a:t>
            </a: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Pakhtunkhaw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28061874210168181"/>
          <c:y val="0"/>
        </c:manualLayout>
      </c:layout>
    </c:title>
    <c:plotArea>
      <c:layout>
        <c:manualLayout>
          <c:layoutTarget val="inner"/>
          <c:xMode val="edge"/>
          <c:yMode val="edge"/>
          <c:x val="5.2812729337815174E-2"/>
          <c:y val="9.7218708317198019E-2"/>
          <c:w val="0.9246626811979104"/>
          <c:h val="0.77222516242846984"/>
        </c:manualLayout>
      </c:layout>
      <c:lineChart>
        <c:grouping val="standard"/>
        <c:ser>
          <c:idx val="0"/>
          <c:order val="0"/>
          <c:tx>
            <c:v>Annual Mean Min. Temp.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KPK_TMN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11</c:v>
                </c:pt>
              </c:numCache>
            </c:numRef>
          </c:cat>
          <c:val>
            <c:numRef>
              <c:f>KPK_TMN!$C$47:$DI$47</c:f>
              <c:numCache>
                <c:formatCode>General</c:formatCode>
                <c:ptCount val="111"/>
                <c:pt idx="0">
                  <c:v>7.8625979069767196</c:v>
                </c:pt>
                <c:pt idx="1">
                  <c:v>7.9627863488371888</c:v>
                </c:pt>
                <c:pt idx="2">
                  <c:v>6.8668623953488552</c:v>
                </c:pt>
                <c:pt idx="3">
                  <c:v>7.6664730930232574</c:v>
                </c:pt>
                <c:pt idx="4">
                  <c:v>7.082365976744188</c:v>
                </c:pt>
                <c:pt idx="5">
                  <c:v>7.68701418604648</c:v>
                </c:pt>
                <c:pt idx="6">
                  <c:v>7.1653072093023278</c:v>
                </c:pt>
                <c:pt idx="7">
                  <c:v>7.5829455116278863</c:v>
                </c:pt>
                <c:pt idx="8">
                  <c:v>7.50891727906974</c:v>
                </c:pt>
                <c:pt idx="9">
                  <c:v>7.1499999999999995</c:v>
                </c:pt>
                <c:pt idx="10">
                  <c:v>7.4806179069767449</c:v>
                </c:pt>
                <c:pt idx="11">
                  <c:v>7.6469030232558115</c:v>
                </c:pt>
                <c:pt idx="12">
                  <c:v>7.3172451162790706</c:v>
                </c:pt>
                <c:pt idx="13">
                  <c:v>7.7217020930232776</c:v>
                </c:pt>
                <c:pt idx="14">
                  <c:v>8.4494130930232565</c:v>
                </c:pt>
                <c:pt idx="15">
                  <c:v>7.7209298372093045</c:v>
                </c:pt>
                <c:pt idx="16">
                  <c:v>8.0577493953488748</c:v>
                </c:pt>
                <c:pt idx="17">
                  <c:v>6.9364330232558133</c:v>
                </c:pt>
                <c:pt idx="18">
                  <c:v>6.6356653488372075</c:v>
                </c:pt>
                <c:pt idx="19">
                  <c:v>6.6224776046511638</c:v>
                </c:pt>
                <c:pt idx="20">
                  <c:v>7.5569820930232527</c:v>
                </c:pt>
                <c:pt idx="21">
                  <c:v>7.7468974418604724</c:v>
                </c:pt>
                <c:pt idx="22">
                  <c:v>6.8284886046511621</c:v>
                </c:pt>
                <c:pt idx="23">
                  <c:v>6.8775184418604667</c:v>
                </c:pt>
                <c:pt idx="24">
                  <c:v>7.0331318604651045</c:v>
                </c:pt>
                <c:pt idx="25">
                  <c:v>7.3538786046511815</c:v>
                </c:pt>
                <c:pt idx="26">
                  <c:v>7.3151116279069406</c:v>
                </c:pt>
                <c:pt idx="27">
                  <c:v>7.6821734883720971</c:v>
                </c:pt>
                <c:pt idx="28">
                  <c:v>7.1280995348837228</c:v>
                </c:pt>
                <c:pt idx="29">
                  <c:v>7.0112401627907124</c:v>
                </c:pt>
                <c:pt idx="30">
                  <c:v>7.9364342790697675</c:v>
                </c:pt>
                <c:pt idx="31">
                  <c:v>8.0416635813953459</c:v>
                </c:pt>
                <c:pt idx="32">
                  <c:v>7.5021313953488393</c:v>
                </c:pt>
                <c:pt idx="33">
                  <c:v>7.4343026279069786</c:v>
                </c:pt>
                <c:pt idx="34">
                  <c:v>6.7633734883721122</c:v>
                </c:pt>
                <c:pt idx="35">
                  <c:v>7.5087193720930223</c:v>
                </c:pt>
                <c:pt idx="36">
                  <c:v>7.3781016976744178</c:v>
                </c:pt>
                <c:pt idx="37">
                  <c:v>7.4445713953488424</c:v>
                </c:pt>
                <c:pt idx="38">
                  <c:v>7.6773231860465101</c:v>
                </c:pt>
                <c:pt idx="39">
                  <c:v>8.3288768139534888</c:v>
                </c:pt>
                <c:pt idx="40">
                  <c:v>8.9323668837209294</c:v>
                </c:pt>
                <c:pt idx="41">
                  <c:v>8.2672533255813949</c:v>
                </c:pt>
                <c:pt idx="42">
                  <c:v>8.303296348837252</c:v>
                </c:pt>
                <c:pt idx="43">
                  <c:v>7.6308151162790665</c:v>
                </c:pt>
                <c:pt idx="44">
                  <c:v>7.4263594651162794</c:v>
                </c:pt>
                <c:pt idx="45">
                  <c:v>8.3846885116279708</c:v>
                </c:pt>
                <c:pt idx="46">
                  <c:v>8.0749995348837267</c:v>
                </c:pt>
                <c:pt idx="47">
                  <c:v>7.2356606279069764</c:v>
                </c:pt>
                <c:pt idx="48">
                  <c:v>7.1751993023255825</c:v>
                </c:pt>
                <c:pt idx="49">
                  <c:v>6.4730622558139803</c:v>
                </c:pt>
                <c:pt idx="50">
                  <c:v>7.5717079069767452</c:v>
                </c:pt>
                <c:pt idx="51">
                  <c:v>7.8649231627906957</c:v>
                </c:pt>
                <c:pt idx="52">
                  <c:v>8.5176431697674424</c:v>
                </c:pt>
                <c:pt idx="53">
                  <c:v>7.307359534883715</c:v>
                </c:pt>
                <c:pt idx="54">
                  <c:v>7.4730576744186124</c:v>
                </c:pt>
                <c:pt idx="55">
                  <c:v>7.6693816279069562</c:v>
                </c:pt>
                <c:pt idx="56">
                  <c:v>6.578878999999997</c:v>
                </c:pt>
                <c:pt idx="57">
                  <c:v>7.9798458837209525</c:v>
                </c:pt>
                <c:pt idx="58">
                  <c:v>7.4972874418604674</c:v>
                </c:pt>
                <c:pt idx="59">
                  <c:v>7.4184111627906981</c:v>
                </c:pt>
                <c:pt idx="60">
                  <c:v>7.1616266744186099</c:v>
                </c:pt>
                <c:pt idx="61">
                  <c:v>7.2935993023255801</c:v>
                </c:pt>
                <c:pt idx="62">
                  <c:v>7.664342953488374</c:v>
                </c:pt>
                <c:pt idx="63">
                  <c:v>7.1199627906976914</c:v>
                </c:pt>
                <c:pt idx="64">
                  <c:v>7.0156969069767365</c:v>
                </c:pt>
                <c:pt idx="65">
                  <c:v>7.3746127906976824</c:v>
                </c:pt>
                <c:pt idx="66">
                  <c:v>7.2127906976744178</c:v>
                </c:pt>
                <c:pt idx="67">
                  <c:v>6.9494151162790692</c:v>
                </c:pt>
                <c:pt idx="68">
                  <c:v>7.8684111627906965</c:v>
                </c:pt>
                <c:pt idx="69">
                  <c:v>8.2075579069767457</c:v>
                </c:pt>
                <c:pt idx="70">
                  <c:v>8.0994167441860547</c:v>
                </c:pt>
                <c:pt idx="71">
                  <c:v>7.2639502325581375</c:v>
                </c:pt>
                <c:pt idx="72">
                  <c:v>7.9027133255814004</c:v>
                </c:pt>
                <c:pt idx="73">
                  <c:v>7.3868241860465105</c:v>
                </c:pt>
                <c:pt idx="74">
                  <c:v>6.872285976744184</c:v>
                </c:pt>
                <c:pt idx="75">
                  <c:v>7.4360465813953533</c:v>
                </c:pt>
                <c:pt idx="76">
                  <c:v>8.3052380697674568</c:v>
                </c:pt>
                <c:pt idx="77">
                  <c:v>7.7215139534883726</c:v>
                </c:pt>
                <c:pt idx="78">
                  <c:v>7.8178288139534855</c:v>
                </c:pt>
                <c:pt idx="79">
                  <c:v>7.9321713093023334</c:v>
                </c:pt>
                <c:pt idx="80">
                  <c:v>7.9174441860465095</c:v>
                </c:pt>
                <c:pt idx="81">
                  <c:v>7.3019358139534845</c:v>
                </c:pt>
                <c:pt idx="82">
                  <c:v>6.9585237209302324</c:v>
                </c:pt>
                <c:pt idx="83">
                  <c:v>7.8554224186046504</c:v>
                </c:pt>
                <c:pt idx="84">
                  <c:v>8.0781048837209308</c:v>
                </c:pt>
                <c:pt idx="85">
                  <c:v>7.3300399999999986</c:v>
                </c:pt>
                <c:pt idx="86">
                  <c:v>7.7965139534883727</c:v>
                </c:pt>
                <c:pt idx="87">
                  <c:v>8.276747209302366</c:v>
                </c:pt>
                <c:pt idx="88">
                  <c:v>6.8209307674418351</c:v>
                </c:pt>
                <c:pt idx="89">
                  <c:v>8.0908923953488365</c:v>
                </c:pt>
                <c:pt idx="90">
                  <c:v>7.4459290697674385</c:v>
                </c:pt>
                <c:pt idx="91">
                  <c:v>7.3156991395348934</c:v>
                </c:pt>
                <c:pt idx="92">
                  <c:v>8.0819729534883713</c:v>
                </c:pt>
                <c:pt idx="93">
                  <c:v>7.5503856744186058</c:v>
                </c:pt>
                <c:pt idx="94">
                  <c:v>7.1290706976744209</c:v>
                </c:pt>
                <c:pt idx="95">
                  <c:v>7.4098790697674426</c:v>
                </c:pt>
                <c:pt idx="96">
                  <c:v>6.8563976046511836</c:v>
                </c:pt>
                <c:pt idx="97">
                  <c:v>7.806390945813952</c:v>
                </c:pt>
                <c:pt idx="98">
                  <c:v>8.8143456813953485</c:v>
                </c:pt>
                <c:pt idx="99">
                  <c:v>8.3749963488372483</c:v>
                </c:pt>
                <c:pt idx="100">
                  <c:v>8.2955457976744214</c:v>
                </c:pt>
                <c:pt idx="101">
                  <c:v>8.0881788209302119</c:v>
                </c:pt>
                <c:pt idx="102">
                  <c:v>8.0641491558139542</c:v>
                </c:pt>
                <c:pt idx="103">
                  <c:v>8.5722889767441863</c:v>
                </c:pt>
                <c:pt idx="104">
                  <c:v>7.7461251162790683</c:v>
                </c:pt>
                <c:pt idx="105">
                  <c:v>8.0920466883721005</c:v>
                </c:pt>
                <c:pt idx="106">
                  <c:v>8.3048453488372225</c:v>
                </c:pt>
                <c:pt idx="107">
                  <c:v>8.3699624262790717</c:v>
                </c:pt>
                <c:pt idx="108">
                  <c:v>8.1751969534884239</c:v>
                </c:pt>
                <c:pt idx="109">
                  <c:v>8.3955462093024167</c:v>
                </c:pt>
                <c:pt idx="110">
                  <c:v>8.4110524116279208</c:v>
                </c:pt>
              </c:numCache>
            </c:numRef>
          </c:val>
        </c:ser>
        <c:marker val="1"/>
        <c:axId val="61655296"/>
        <c:axId val="61407232"/>
      </c:lineChart>
      <c:catAx>
        <c:axId val="61655296"/>
        <c:scaling>
          <c:orientation val="minMax"/>
        </c:scaling>
        <c:axPos val="b"/>
        <c:numFmt formatCode="General" sourceLinked="1"/>
        <c:tickLblPos val="nextTo"/>
        <c:txPr>
          <a:bodyPr rot="-5400000" vert="horz"/>
          <a:lstStyle/>
          <a:p>
            <a:pPr>
              <a:defRPr/>
            </a:pPr>
            <a:endParaRPr lang="en-US"/>
          </a:p>
        </c:txPr>
        <c:crossAx val="61407232"/>
        <c:crosses val="autoZero"/>
        <c:auto val="1"/>
        <c:lblAlgn val="ctr"/>
        <c:lblOffset val="100"/>
      </c:catAx>
      <c:valAx>
        <c:axId val="61407232"/>
        <c:scaling>
          <c:orientation val="minMax"/>
          <c:min val="5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655296"/>
        <c:crosses val="autoZero"/>
        <c:crossBetween val="between"/>
        <c:majorUnit val="0.5"/>
      </c:valAx>
    </c:plotArea>
    <c:plotVisOnly val="1"/>
  </c:chart>
  <c:spPr>
    <a:ln w="25400">
      <a:solidFill>
        <a:schemeClr val="tx1">
          <a:alpha val="64000"/>
        </a:schemeClr>
      </a:solidFill>
    </a:ln>
  </c:spPr>
  <c:externalData r:id="rId1"/>
</c:chartSpace>
</file>

<file path=ppt/charts/chart1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Gilgit</a:t>
            </a: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-</a:t>
            </a: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Baltistan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7344050743657042"/>
          <c:y val="0"/>
        </c:manualLayout>
      </c:layout>
    </c:title>
    <c:plotArea>
      <c:layout>
        <c:manualLayout>
          <c:layoutTarget val="inner"/>
          <c:xMode val="edge"/>
          <c:yMode val="edge"/>
          <c:x val="7.3763561675306913E-2"/>
          <c:y val="0.17027945036282258"/>
          <c:w val="0.90711429593227344"/>
          <c:h val="0.58454145437702643"/>
        </c:manualLayout>
      </c:layout>
      <c:lineChart>
        <c:grouping val="standard"/>
        <c:ser>
          <c:idx val="0"/>
          <c:order val="0"/>
          <c:tx>
            <c:v>Mean Annual Min. temp.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GB_Tmin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GB_Tmin!$C$38:$DI$38</c:f>
              <c:numCache>
                <c:formatCode>0.0</c:formatCode>
                <c:ptCount val="111"/>
                <c:pt idx="0">
                  <c:v>-8.1800478787879243</c:v>
                </c:pt>
                <c:pt idx="1">
                  <c:v>-8.232826363636363</c:v>
                </c:pt>
                <c:pt idx="2">
                  <c:v>-9.1444439393939394</c:v>
                </c:pt>
                <c:pt idx="3">
                  <c:v>-8.3671760606060648</c:v>
                </c:pt>
                <c:pt idx="4">
                  <c:v>-9.0712103030302984</c:v>
                </c:pt>
                <c:pt idx="5">
                  <c:v>-8.0555545454545747</c:v>
                </c:pt>
                <c:pt idx="6">
                  <c:v>-8.4949463636363642</c:v>
                </c:pt>
                <c:pt idx="7">
                  <c:v>-8.0808078787879225</c:v>
                </c:pt>
                <c:pt idx="8">
                  <c:v>-8.1297996969697248</c:v>
                </c:pt>
                <c:pt idx="9">
                  <c:v>-8.3765166666667223</c:v>
                </c:pt>
                <c:pt idx="10">
                  <c:v>-7.8444442424242355</c:v>
                </c:pt>
                <c:pt idx="11">
                  <c:v>-7.6941948484848242</c:v>
                </c:pt>
                <c:pt idx="12">
                  <c:v>-8.8906557575757574</c:v>
                </c:pt>
                <c:pt idx="13">
                  <c:v>-7.6901518181817963</c:v>
                </c:pt>
                <c:pt idx="14">
                  <c:v>-7.8856018181818177</c:v>
                </c:pt>
                <c:pt idx="15">
                  <c:v>-7.5429281818181924</c:v>
                </c:pt>
                <c:pt idx="16">
                  <c:v>-7.9381330303030424</c:v>
                </c:pt>
                <c:pt idx="17">
                  <c:v>-8.5901515151515149</c:v>
                </c:pt>
                <c:pt idx="18">
                  <c:v>-8.9979851515151488</c:v>
                </c:pt>
                <c:pt idx="19">
                  <c:v>-9.1899009090909107</c:v>
                </c:pt>
                <c:pt idx="20">
                  <c:v>-8.5648993939394025</c:v>
                </c:pt>
                <c:pt idx="21">
                  <c:v>-7.4343424242424501</c:v>
                </c:pt>
                <c:pt idx="22">
                  <c:v>-8.2090909090909072</c:v>
                </c:pt>
                <c:pt idx="23">
                  <c:v>-8.1669190909091007</c:v>
                </c:pt>
                <c:pt idx="24">
                  <c:v>-8.1598463636363725</c:v>
                </c:pt>
                <c:pt idx="25">
                  <c:v>-8.1734824242424242</c:v>
                </c:pt>
                <c:pt idx="26">
                  <c:v>-8.0462118181818187</c:v>
                </c:pt>
                <c:pt idx="27">
                  <c:v>-7.9227287878787873</c:v>
                </c:pt>
                <c:pt idx="28">
                  <c:v>-8.7141466666666698</c:v>
                </c:pt>
                <c:pt idx="29">
                  <c:v>-8.7540406060606042</c:v>
                </c:pt>
                <c:pt idx="30">
                  <c:v>-7.8030287878787874</c:v>
                </c:pt>
                <c:pt idx="31">
                  <c:v>-7.9146448484848495</c:v>
                </c:pt>
                <c:pt idx="32">
                  <c:v>-8.322727272727322</c:v>
                </c:pt>
                <c:pt idx="33">
                  <c:v>-8.4101018181818201</c:v>
                </c:pt>
                <c:pt idx="34">
                  <c:v>-8.9661581818181659</c:v>
                </c:pt>
                <c:pt idx="35">
                  <c:v>-8.3396469696970126</c:v>
                </c:pt>
                <c:pt idx="36">
                  <c:v>-8.2931830303030249</c:v>
                </c:pt>
                <c:pt idx="37">
                  <c:v>-8.3209609090909069</c:v>
                </c:pt>
                <c:pt idx="38">
                  <c:v>-7.927274545454547</c:v>
                </c:pt>
                <c:pt idx="39">
                  <c:v>-7.1113659696969655</c:v>
                </c:pt>
                <c:pt idx="40">
                  <c:v>-6.8007593030303033</c:v>
                </c:pt>
                <c:pt idx="41">
                  <c:v>-7.3350996969696984</c:v>
                </c:pt>
                <c:pt idx="42">
                  <c:v>-7.5237381818181834</c:v>
                </c:pt>
                <c:pt idx="43">
                  <c:v>-8.1686866666666766</c:v>
                </c:pt>
                <c:pt idx="44">
                  <c:v>-8.393685151515152</c:v>
                </c:pt>
                <c:pt idx="45">
                  <c:v>-7.4661609999999978</c:v>
                </c:pt>
                <c:pt idx="46">
                  <c:v>-7.8494942424242415</c:v>
                </c:pt>
                <c:pt idx="47">
                  <c:v>-8.7540400000000016</c:v>
                </c:pt>
                <c:pt idx="48">
                  <c:v>-8.3762630303030328</c:v>
                </c:pt>
                <c:pt idx="49">
                  <c:v>-8.9525293939394395</c:v>
                </c:pt>
                <c:pt idx="50">
                  <c:v>-8.5560645454545448</c:v>
                </c:pt>
                <c:pt idx="51">
                  <c:v>-8.0858560606060728</c:v>
                </c:pt>
                <c:pt idx="52">
                  <c:v>-7.1113621212121494</c:v>
                </c:pt>
                <c:pt idx="53">
                  <c:v>-8.1093427272727219</c:v>
                </c:pt>
                <c:pt idx="54">
                  <c:v>-7.5861096969696984</c:v>
                </c:pt>
                <c:pt idx="55">
                  <c:v>-7.312623939393939</c:v>
                </c:pt>
                <c:pt idx="56">
                  <c:v>-8.5540369696970071</c:v>
                </c:pt>
                <c:pt idx="57">
                  <c:v>-7.4570678787878775</c:v>
                </c:pt>
                <c:pt idx="58">
                  <c:v>-7.7979842424242207</c:v>
                </c:pt>
                <c:pt idx="59">
                  <c:v>-7.9255087878787878</c:v>
                </c:pt>
                <c:pt idx="60">
                  <c:v>-8.1146433333333352</c:v>
                </c:pt>
                <c:pt idx="61">
                  <c:v>-7.8982257575757409</c:v>
                </c:pt>
                <c:pt idx="62">
                  <c:v>-7.6166657575757455</c:v>
                </c:pt>
                <c:pt idx="63">
                  <c:v>-8.0770218181818194</c:v>
                </c:pt>
                <c:pt idx="64">
                  <c:v>-8.0222209090909082</c:v>
                </c:pt>
                <c:pt idx="65">
                  <c:v>-7.8815693939394134</c:v>
                </c:pt>
                <c:pt idx="66">
                  <c:v>-7.9752560606060614</c:v>
                </c:pt>
                <c:pt idx="67">
                  <c:v>-8.1659115151515174</c:v>
                </c:pt>
                <c:pt idx="68">
                  <c:v>-7.5704572727272685</c:v>
                </c:pt>
                <c:pt idx="69">
                  <c:v>-7.1565645454545415</c:v>
                </c:pt>
                <c:pt idx="70">
                  <c:v>-6.9838400000000034</c:v>
                </c:pt>
                <c:pt idx="71">
                  <c:v>-8.0553069696969768</c:v>
                </c:pt>
                <c:pt idx="72">
                  <c:v>-7.1348474848484864</c:v>
                </c:pt>
                <c:pt idx="73">
                  <c:v>-8.037123939393938</c:v>
                </c:pt>
                <c:pt idx="74">
                  <c:v>-8.4883866666666705</c:v>
                </c:pt>
                <c:pt idx="75">
                  <c:v>-7.9055524242424324</c:v>
                </c:pt>
                <c:pt idx="76">
                  <c:v>-6.8239881818181827</c:v>
                </c:pt>
                <c:pt idx="77">
                  <c:v>-7.16237303030303</c:v>
                </c:pt>
                <c:pt idx="78">
                  <c:v>-7.1537862727272454</c:v>
                </c:pt>
                <c:pt idx="79">
                  <c:v>-6.8603506969696957</c:v>
                </c:pt>
                <c:pt idx="80">
                  <c:v>-7.2830829393939398</c:v>
                </c:pt>
                <c:pt idx="81">
                  <c:v>-7.7131266666666676</c:v>
                </c:pt>
                <c:pt idx="82">
                  <c:v>-7.9098448484848483</c:v>
                </c:pt>
                <c:pt idx="83">
                  <c:v>-7.4020193939393994</c:v>
                </c:pt>
                <c:pt idx="84">
                  <c:v>-7.2080790909090924</c:v>
                </c:pt>
                <c:pt idx="85">
                  <c:v>-8.0159078787879281</c:v>
                </c:pt>
                <c:pt idx="86">
                  <c:v>-7.8391427272727334</c:v>
                </c:pt>
                <c:pt idx="87">
                  <c:v>-7.2002496969697134</c:v>
                </c:pt>
                <c:pt idx="88">
                  <c:v>-8.0984848484848548</c:v>
                </c:pt>
                <c:pt idx="89">
                  <c:v>-7.0113591818182064</c:v>
                </c:pt>
                <c:pt idx="90">
                  <c:v>-7.9250024242424324</c:v>
                </c:pt>
                <c:pt idx="91">
                  <c:v>-7.8310627272727462</c:v>
                </c:pt>
                <c:pt idx="92">
                  <c:v>-7.3782833333333535</c:v>
                </c:pt>
                <c:pt idx="93">
                  <c:v>-7.0762654545454584</c:v>
                </c:pt>
                <c:pt idx="94">
                  <c:v>-7.5383854545454465</c:v>
                </c:pt>
                <c:pt idx="95">
                  <c:v>-7.644446060606036</c:v>
                </c:pt>
                <c:pt idx="96">
                  <c:v>-7.5012630303030621</c:v>
                </c:pt>
                <c:pt idx="97">
                  <c:v>-6.6184365757575536</c:v>
                </c:pt>
                <c:pt idx="98">
                  <c:v>-6.3348471818181924</c:v>
                </c:pt>
                <c:pt idx="99">
                  <c:v>-6.299747272727271</c:v>
                </c:pt>
                <c:pt idx="100">
                  <c:v>-6.1676761606060388</c:v>
                </c:pt>
                <c:pt idx="101">
                  <c:v>-6.4540373636363642</c:v>
                </c:pt>
                <c:pt idx="102">
                  <c:v>-6.2558057575757342</c:v>
                </c:pt>
                <c:pt idx="103">
                  <c:v>-5.8441939393939375</c:v>
                </c:pt>
                <c:pt idx="104">
                  <c:v>-6.5654011212121324</c:v>
                </c:pt>
                <c:pt idx="105">
                  <c:v>-5.9987369696969655</c:v>
                </c:pt>
                <c:pt idx="106">
                  <c:v>-6.05126281818184</c:v>
                </c:pt>
                <c:pt idx="107">
                  <c:v>-6.2739912121212118</c:v>
                </c:pt>
                <c:pt idx="108">
                  <c:v>-6.2290397878787882</c:v>
                </c:pt>
                <c:pt idx="109">
                  <c:v>-6.0093418181818183</c:v>
                </c:pt>
                <c:pt idx="110">
                  <c:v>-5.9704548484848479</c:v>
                </c:pt>
              </c:numCache>
            </c:numRef>
          </c:val>
        </c:ser>
        <c:marker val="1"/>
        <c:axId val="61422208"/>
        <c:axId val="61436288"/>
      </c:lineChart>
      <c:catAx>
        <c:axId val="61422208"/>
        <c:scaling>
          <c:orientation val="minMax"/>
        </c:scaling>
        <c:axPos val="b"/>
        <c:numFmt formatCode="General" sourceLinked="1"/>
        <c:tickLblPos val="low"/>
        <c:crossAx val="61436288"/>
        <c:crosses val="autoZero"/>
        <c:auto val="1"/>
        <c:lblAlgn val="ctr"/>
        <c:lblOffset val="100"/>
      </c:catAx>
      <c:valAx>
        <c:axId val="61436288"/>
        <c:scaling>
          <c:orientation val="minMax"/>
          <c:max val="-5"/>
          <c:min val="-10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0.0" sourceLinked="1"/>
        <c:tickLblPos val="nextTo"/>
        <c:crossAx val="61422208"/>
        <c:crosses val="autoZero"/>
        <c:crossBetween val="between"/>
        <c:majorUnit val="0.5"/>
      </c:valAx>
    </c:plotArea>
    <c:plotVisOnly val="1"/>
  </c:chart>
  <c:spPr>
    <a:ln w="25400">
      <a:solidFill>
        <a:schemeClr val="tx1"/>
      </a:solidFill>
    </a:ln>
  </c:spPr>
  <c:externalData r:id="rId1"/>
</c:chartSpace>
</file>

<file path=ppt/charts/chart1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Kashmir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5298094682609132"/>
          <c:y val="0"/>
        </c:manualLayout>
      </c:layout>
    </c:title>
    <c:plotArea>
      <c:layout>
        <c:manualLayout>
          <c:layoutTarget val="inner"/>
          <c:xMode val="edge"/>
          <c:yMode val="edge"/>
          <c:x val="6.5042745401837812E-2"/>
          <c:y val="0.11610007082448029"/>
          <c:w val="0.91516408105405656"/>
          <c:h val="0.6978773486647506"/>
        </c:manualLayout>
      </c:layout>
      <c:lineChart>
        <c:grouping val="standard"/>
        <c:ser>
          <c:idx val="0"/>
          <c:order val="0"/>
          <c:tx>
            <c:v>Ave. Mininmum Temperature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Kashmir_Tmn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Kashmir_Tmn!$C$14:$DI$14</c:f>
              <c:numCache>
                <c:formatCode>General</c:formatCode>
                <c:ptCount val="111"/>
                <c:pt idx="0">
                  <c:v>1.418336299999994</c:v>
                </c:pt>
                <c:pt idx="1">
                  <c:v>1.6191669999999998</c:v>
                </c:pt>
                <c:pt idx="2">
                  <c:v>0.8799970000000028</c:v>
                </c:pt>
                <c:pt idx="3">
                  <c:v>1.2791692999999922</c:v>
                </c:pt>
                <c:pt idx="4">
                  <c:v>0.72583730000000068</c:v>
                </c:pt>
                <c:pt idx="5">
                  <c:v>1.4808299999999954</c:v>
                </c:pt>
                <c:pt idx="6">
                  <c:v>1.0891639999999998</c:v>
                </c:pt>
                <c:pt idx="7">
                  <c:v>1.5933309999999996</c:v>
                </c:pt>
                <c:pt idx="8">
                  <c:v>1.0025032999999954</c:v>
                </c:pt>
                <c:pt idx="9">
                  <c:v>1.1783352999999999</c:v>
                </c:pt>
                <c:pt idx="10">
                  <c:v>1.329170299999995</c:v>
                </c:pt>
                <c:pt idx="11">
                  <c:v>1.5099982999999915</c:v>
                </c:pt>
                <c:pt idx="12">
                  <c:v>0.9258317000000007</c:v>
                </c:pt>
                <c:pt idx="13">
                  <c:v>1.5416672999999956</c:v>
                </c:pt>
                <c:pt idx="14">
                  <c:v>1.5666670000000003</c:v>
                </c:pt>
                <c:pt idx="15">
                  <c:v>1.89333</c:v>
                </c:pt>
                <c:pt idx="16">
                  <c:v>1.5691629999999996</c:v>
                </c:pt>
                <c:pt idx="17">
                  <c:v>0.96250270000000027</c:v>
                </c:pt>
                <c:pt idx="18">
                  <c:v>0.68749669999999952</c:v>
                </c:pt>
                <c:pt idx="19">
                  <c:v>0.338329300000002</c:v>
                </c:pt>
                <c:pt idx="20">
                  <c:v>1.0799976999999943</c:v>
                </c:pt>
                <c:pt idx="21">
                  <c:v>1.943333</c:v>
                </c:pt>
                <c:pt idx="22">
                  <c:v>1.0999970000000006</c:v>
                </c:pt>
                <c:pt idx="23">
                  <c:v>1.0308363299999999</c:v>
                </c:pt>
                <c:pt idx="24">
                  <c:v>1.2741659999999999</c:v>
                </c:pt>
                <c:pt idx="25">
                  <c:v>1.1908333000000006</c:v>
                </c:pt>
                <c:pt idx="26">
                  <c:v>1.280003</c:v>
                </c:pt>
                <c:pt idx="27">
                  <c:v>1.9633339999999999</c:v>
                </c:pt>
                <c:pt idx="28">
                  <c:v>1.2141696999999938</c:v>
                </c:pt>
                <c:pt idx="29">
                  <c:v>0.89333402999999956</c:v>
                </c:pt>
                <c:pt idx="30">
                  <c:v>2.2549973000000012</c:v>
                </c:pt>
                <c:pt idx="31">
                  <c:v>1.8883299999999998</c:v>
                </c:pt>
                <c:pt idx="32">
                  <c:v>1.4124999999999948</c:v>
                </c:pt>
                <c:pt idx="33">
                  <c:v>1.8683327000000005</c:v>
                </c:pt>
                <c:pt idx="34">
                  <c:v>0.93000330000000009</c:v>
                </c:pt>
                <c:pt idx="35">
                  <c:v>1.7966703000000002</c:v>
                </c:pt>
                <c:pt idx="36">
                  <c:v>1.7891632999999945</c:v>
                </c:pt>
                <c:pt idx="37">
                  <c:v>1.0933296999999931</c:v>
                </c:pt>
                <c:pt idx="38">
                  <c:v>1.6824996999999959</c:v>
                </c:pt>
                <c:pt idx="39">
                  <c:v>2.3099992999999999</c:v>
                </c:pt>
                <c:pt idx="40">
                  <c:v>2.8341636999999977</c:v>
                </c:pt>
                <c:pt idx="41">
                  <c:v>2.2466616999999998</c:v>
                </c:pt>
                <c:pt idx="42">
                  <c:v>2.0100049999999987</c:v>
                </c:pt>
                <c:pt idx="43">
                  <c:v>1.7533366999999922</c:v>
                </c:pt>
                <c:pt idx="44">
                  <c:v>1.6599996999999915</c:v>
                </c:pt>
                <c:pt idx="45">
                  <c:v>2.5350029999999903</c:v>
                </c:pt>
                <c:pt idx="46">
                  <c:v>1.511666299999991</c:v>
                </c:pt>
                <c:pt idx="47">
                  <c:v>0.67750040000000233</c:v>
                </c:pt>
                <c:pt idx="48">
                  <c:v>1.2633292999999912</c:v>
                </c:pt>
                <c:pt idx="49">
                  <c:v>0.6108360000000006</c:v>
                </c:pt>
                <c:pt idx="50">
                  <c:v>1.268336299999995</c:v>
                </c:pt>
                <c:pt idx="51">
                  <c:v>1.7008329999999998</c:v>
                </c:pt>
                <c:pt idx="52">
                  <c:v>2.4991670000000008</c:v>
                </c:pt>
                <c:pt idx="53">
                  <c:v>1.303329299999991</c:v>
                </c:pt>
                <c:pt idx="54">
                  <c:v>1.7225007000000006</c:v>
                </c:pt>
                <c:pt idx="55">
                  <c:v>1.8966699999999996</c:v>
                </c:pt>
                <c:pt idx="56">
                  <c:v>0.57832959999999989</c:v>
                </c:pt>
                <c:pt idx="57">
                  <c:v>2.1133289999999998</c:v>
                </c:pt>
                <c:pt idx="58">
                  <c:v>1.6333370000000005</c:v>
                </c:pt>
                <c:pt idx="59">
                  <c:v>1.4658326999999942</c:v>
                </c:pt>
                <c:pt idx="60">
                  <c:v>1.3566636999999955</c:v>
                </c:pt>
                <c:pt idx="61">
                  <c:v>1.5924970000000009</c:v>
                </c:pt>
                <c:pt idx="62">
                  <c:v>1.6175006999999952</c:v>
                </c:pt>
                <c:pt idx="63">
                  <c:v>1.2666632999999945</c:v>
                </c:pt>
                <c:pt idx="64">
                  <c:v>1.1249963299999999</c:v>
                </c:pt>
                <c:pt idx="65">
                  <c:v>1.2633352999999945</c:v>
                </c:pt>
                <c:pt idx="66">
                  <c:v>1.5441633000000006</c:v>
                </c:pt>
                <c:pt idx="67">
                  <c:v>0.87000437000000064</c:v>
                </c:pt>
                <c:pt idx="68">
                  <c:v>1.7875032999999947</c:v>
                </c:pt>
                <c:pt idx="69">
                  <c:v>2.3424977000000005</c:v>
                </c:pt>
                <c:pt idx="70">
                  <c:v>2.2383373000000075</c:v>
                </c:pt>
                <c:pt idx="71">
                  <c:v>1.1074996999999922</c:v>
                </c:pt>
                <c:pt idx="72">
                  <c:v>2.1858356999999993</c:v>
                </c:pt>
                <c:pt idx="73">
                  <c:v>1.3550046999999954</c:v>
                </c:pt>
                <c:pt idx="74">
                  <c:v>0.75333470000000013</c:v>
                </c:pt>
                <c:pt idx="75">
                  <c:v>1.3774966999999951</c:v>
                </c:pt>
                <c:pt idx="76">
                  <c:v>2.4716632999999977</c:v>
                </c:pt>
                <c:pt idx="77">
                  <c:v>2.189166699999999</c:v>
                </c:pt>
                <c:pt idx="78">
                  <c:v>2.0666659999999899</c:v>
                </c:pt>
                <c:pt idx="79">
                  <c:v>2.0675029999999999</c:v>
                </c:pt>
                <c:pt idx="80">
                  <c:v>2.0958340000000004</c:v>
                </c:pt>
                <c:pt idx="81">
                  <c:v>1.3283336999999955</c:v>
                </c:pt>
                <c:pt idx="82">
                  <c:v>1.0683323000000002</c:v>
                </c:pt>
                <c:pt idx="83">
                  <c:v>2.0841676999999996</c:v>
                </c:pt>
                <c:pt idx="84">
                  <c:v>2.1158362999999993</c:v>
                </c:pt>
                <c:pt idx="85">
                  <c:v>1.0833309999999998</c:v>
                </c:pt>
                <c:pt idx="86">
                  <c:v>1.3516620000000004</c:v>
                </c:pt>
                <c:pt idx="87">
                  <c:v>2.1716642999999998</c:v>
                </c:pt>
                <c:pt idx="88">
                  <c:v>1.1524953</c:v>
                </c:pt>
                <c:pt idx="89">
                  <c:v>2.2983359999999999</c:v>
                </c:pt>
                <c:pt idx="90">
                  <c:v>1.3441639999999999</c:v>
                </c:pt>
                <c:pt idx="91">
                  <c:v>1.5433329999999994</c:v>
                </c:pt>
                <c:pt idx="92">
                  <c:v>2.0958376999999997</c:v>
                </c:pt>
                <c:pt idx="93">
                  <c:v>2.1850000000000001</c:v>
                </c:pt>
                <c:pt idx="94">
                  <c:v>1.7174982999999904</c:v>
                </c:pt>
                <c:pt idx="95">
                  <c:v>1.7049992999999914</c:v>
                </c:pt>
                <c:pt idx="96">
                  <c:v>1.549999299999991</c:v>
                </c:pt>
                <c:pt idx="97">
                  <c:v>2.4558296999999967</c:v>
                </c:pt>
                <c:pt idx="98">
                  <c:v>2.9041699999999997</c:v>
                </c:pt>
                <c:pt idx="99">
                  <c:v>2.9449996999999994</c:v>
                </c:pt>
                <c:pt idx="100">
                  <c:v>3.0416633299999987</c:v>
                </c:pt>
                <c:pt idx="101">
                  <c:v>2.6650046999999994</c:v>
                </c:pt>
                <c:pt idx="102">
                  <c:v>2.7641640000000089</c:v>
                </c:pt>
                <c:pt idx="103">
                  <c:v>3.1308297000000005</c:v>
                </c:pt>
                <c:pt idx="104">
                  <c:v>2.3199996999999977</c:v>
                </c:pt>
                <c:pt idx="105">
                  <c:v>2.9425026699999997</c:v>
                </c:pt>
                <c:pt idx="106">
                  <c:v>2.7766706999999977</c:v>
                </c:pt>
                <c:pt idx="107">
                  <c:v>2.7816710000000011</c:v>
                </c:pt>
                <c:pt idx="108">
                  <c:v>2.6475003000000012</c:v>
                </c:pt>
                <c:pt idx="109">
                  <c:v>2.9841629999999988</c:v>
                </c:pt>
                <c:pt idx="110">
                  <c:v>3.0433306700000089</c:v>
                </c:pt>
              </c:numCache>
            </c:numRef>
          </c:val>
        </c:ser>
        <c:marker val="1"/>
        <c:axId val="61473152"/>
        <c:axId val="61474688"/>
      </c:lineChart>
      <c:catAx>
        <c:axId val="61473152"/>
        <c:scaling>
          <c:orientation val="minMax"/>
        </c:scaling>
        <c:axPos val="b"/>
        <c:numFmt formatCode="General" sourceLinked="1"/>
        <c:tickLblPos val="nextTo"/>
        <c:crossAx val="61474688"/>
        <c:crosses val="autoZero"/>
        <c:auto val="1"/>
        <c:lblAlgn val="ctr"/>
        <c:lblOffset val="100"/>
      </c:catAx>
      <c:valAx>
        <c:axId val="61474688"/>
        <c:scaling>
          <c:orientation val="minMax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473152"/>
        <c:crosses val="autoZero"/>
        <c:crossBetween val="between"/>
        <c:majorUnit val="0.5"/>
      </c:valAx>
    </c:plotArea>
    <c:plotVisOnly val="1"/>
  </c:chart>
  <c:spPr>
    <a:ln w="25400">
      <a:solidFill>
        <a:schemeClr val="tx1"/>
      </a:solidFill>
    </a:ln>
  </c:spPr>
  <c:externalData r:id="rId1"/>
</c:chartSpace>
</file>

<file path=ppt/charts/chart19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en-US"/>
  <c:chart>
    <c:autoTitleDeleted val="1"/>
    <c:plotArea>
      <c:layout>
        <c:manualLayout>
          <c:layoutTarget val="inner"/>
          <c:xMode val="edge"/>
          <c:yMode val="edge"/>
          <c:x val="5.2485330257284732E-2"/>
          <c:y val="7.4344744226607473E-2"/>
          <c:w val="0.89762611275964421"/>
          <c:h val="0.8081023454157783"/>
        </c:manualLayout>
      </c:layout>
      <c:lineChart>
        <c:grouping val="standard"/>
        <c:ser>
          <c:idx val="0"/>
          <c:order val="0"/>
          <c:tx>
            <c:strRef>
              <c:f>Sheet1!$A$2</c:f>
              <c:strCache>
                <c:ptCount val="1"/>
                <c:pt idx="0">
                  <c:v>Dsicharge (MAF)</c:v>
                </c:pt>
              </c:strCache>
            </c:strRef>
          </c:tx>
          <c:spPr>
            <a:ln w="15794">
              <a:solidFill>
                <a:srgbClr val="000080"/>
              </a:solidFill>
              <a:prstDash val="solid"/>
            </a:ln>
          </c:spPr>
          <c:marker>
            <c:symbol val="none"/>
          </c:marker>
          <c:cat>
            <c:strRef>
              <c:f>Sheet1!$B$1:$AK$1</c:f>
              <c:strCache>
                <c:ptCount val="36"/>
                <c:pt idx="0">
                  <c:v>66-67</c:v>
                </c:pt>
                <c:pt idx="1">
                  <c:v>67-68</c:v>
                </c:pt>
                <c:pt idx="2">
                  <c:v>68-69</c:v>
                </c:pt>
                <c:pt idx="3">
                  <c:v>69-70</c:v>
                </c:pt>
                <c:pt idx="4">
                  <c:v>70-71</c:v>
                </c:pt>
                <c:pt idx="5">
                  <c:v>71-72</c:v>
                </c:pt>
                <c:pt idx="6">
                  <c:v>72-73</c:v>
                </c:pt>
                <c:pt idx="7">
                  <c:v>73-74</c:v>
                </c:pt>
                <c:pt idx="8">
                  <c:v>74-75</c:v>
                </c:pt>
                <c:pt idx="9">
                  <c:v>75-76</c:v>
                </c:pt>
                <c:pt idx="10">
                  <c:v>76-77</c:v>
                </c:pt>
                <c:pt idx="11">
                  <c:v>77-78</c:v>
                </c:pt>
                <c:pt idx="12">
                  <c:v>78-79</c:v>
                </c:pt>
                <c:pt idx="13">
                  <c:v>79-80</c:v>
                </c:pt>
                <c:pt idx="14">
                  <c:v>80-81</c:v>
                </c:pt>
                <c:pt idx="15">
                  <c:v>81-82</c:v>
                </c:pt>
                <c:pt idx="16">
                  <c:v>82-83</c:v>
                </c:pt>
                <c:pt idx="17">
                  <c:v>83-84</c:v>
                </c:pt>
                <c:pt idx="18">
                  <c:v>84-85</c:v>
                </c:pt>
                <c:pt idx="19">
                  <c:v>85-86</c:v>
                </c:pt>
                <c:pt idx="20">
                  <c:v>86-87</c:v>
                </c:pt>
                <c:pt idx="21">
                  <c:v>87-88</c:v>
                </c:pt>
                <c:pt idx="22">
                  <c:v>88-89</c:v>
                </c:pt>
                <c:pt idx="23">
                  <c:v>89-90</c:v>
                </c:pt>
                <c:pt idx="24">
                  <c:v>90-91</c:v>
                </c:pt>
                <c:pt idx="25">
                  <c:v>91-92</c:v>
                </c:pt>
                <c:pt idx="26">
                  <c:v>92-93</c:v>
                </c:pt>
                <c:pt idx="27">
                  <c:v>93-94</c:v>
                </c:pt>
                <c:pt idx="28">
                  <c:v>94-95</c:v>
                </c:pt>
                <c:pt idx="29">
                  <c:v>95-96</c:v>
                </c:pt>
                <c:pt idx="30">
                  <c:v>96-97</c:v>
                </c:pt>
                <c:pt idx="31">
                  <c:v>97-98</c:v>
                </c:pt>
                <c:pt idx="32">
                  <c:v>98-99</c:v>
                </c:pt>
                <c:pt idx="33">
                  <c:v>99-2000</c:v>
                </c:pt>
                <c:pt idx="34">
                  <c:v>2000-01</c:v>
                </c:pt>
                <c:pt idx="35">
                  <c:v>2001-02</c:v>
                </c:pt>
              </c:strCache>
            </c:strRef>
          </c:cat>
          <c:val>
            <c:numRef>
              <c:f>Sheet1!$B$2:$AK$2</c:f>
              <c:numCache>
                <c:formatCode>General</c:formatCode>
                <c:ptCount val="36"/>
                <c:pt idx="0">
                  <c:v>58.54</c:v>
                </c:pt>
                <c:pt idx="1">
                  <c:v>68.910000000000025</c:v>
                </c:pt>
                <c:pt idx="2">
                  <c:v>5.49</c:v>
                </c:pt>
                <c:pt idx="3">
                  <c:v>42.97</c:v>
                </c:pt>
                <c:pt idx="4">
                  <c:v>25.74</c:v>
                </c:pt>
                <c:pt idx="5">
                  <c:v>23.19</c:v>
                </c:pt>
                <c:pt idx="6">
                  <c:v>21.419999999999987</c:v>
                </c:pt>
                <c:pt idx="7">
                  <c:v>97.59</c:v>
                </c:pt>
                <c:pt idx="8">
                  <c:v>8.19</c:v>
                </c:pt>
                <c:pt idx="9">
                  <c:v>39.21</c:v>
                </c:pt>
                <c:pt idx="10">
                  <c:v>69.03</c:v>
                </c:pt>
                <c:pt idx="11">
                  <c:v>30.38</c:v>
                </c:pt>
                <c:pt idx="12">
                  <c:v>80.53</c:v>
                </c:pt>
                <c:pt idx="13">
                  <c:v>29.79</c:v>
                </c:pt>
                <c:pt idx="14">
                  <c:v>20.110000000000024</c:v>
                </c:pt>
                <c:pt idx="15">
                  <c:v>32.790000000000013</c:v>
                </c:pt>
                <c:pt idx="16">
                  <c:v>9.68</c:v>
                </c:pt>
                <c:pt idx="17">
                  <c:v>45.91</c:v>
                </c:pt>
                <c:pt idx="18">
                  <c:v>26.01</c:v>
                </c:pt>
                <c:pt idx="19">
                  <c:v>10.98</c:v>
                </c:pt>
                <c:pt idx="20">
                  <c:v>26.9</c:v>
                </c:pt>
                <c:pt idx="21">
                  <c:v>39</c:v>
                </c:pt>
                <c:pt idx="22">
                  <c:v>23.5</c:v>
                </c:pt>
                <c:pt idx="23">
                  <c:v>16.25</c:v>
                </c:pt>
                <c:pt idx="24">
                  <c:v>15.6</c:v>
                </c:pt>
                <c:pt idx="25">
                  <c:v>15.75</c:v>
                </c:pt>
                <c:pt idx="26">
                  <c:v>20.3</c:v>
                </c:pt>
                <c:pt idx="27">
                  <c:v>18.100000000000001</c:v>
                </c:pt>
                <c:pt idx="28">
                  <c:v>23.6</c:v>
                </c:pt>
                <c:pt idx="29">
                  <c:v>24.4</c:v>
                </c:pt>
                <c:pt idx="30">
                  <c:v>18</c:v>
                </c:pt>
                <c:pt idx="31">
                  <c:v>12.9</c:v>
                </c:pt>
                <c:pt idx="32">
                  <c:v>15.9</c:v>
                </c:pt>
                <c:pt idx="33">
                  <c:v>8.83</c:v>
                </c:pt>
                <c:pt idx="34">
                  <c:v>0.72000000000000064</c:v>
                </c:pt>
                <c:pt idx="35">
                  <c:v>1.920000000000001</c:v>
                </c:pt>
              </c:numCache>
            </c:numRef>
          </c:val>
          <c:smooth val="1"/>
        </c:ser>
        <c:marker val="1"/>
        <c:axId val="90714112"/>
        <c:axId val="90715648"/>
      </c:lineChart>
      <c:catAx>
        <c:axId val="90714112"/>
        <c:scaling>
          <c:orientation val="minMax"/>
        </c:scaling>
        <c:axPos val="b"/>
        <c:numFmt formatCode="General" sourceLinked="1"/>
        <c:majorTickMark val="cross"/>
        <c:tickLblPos val="nextTo"/>
        <c:spPr>
          <a:ln w="3949">
            <a:solidFill>
              <a:srgbClr val="000000"/>
            </a:solidFill>
            <a:prstDash val="solid"/>
          </a:ln>
        </c:spPr>
        <c:txPr>
          <a:bodyPr rot="-2700000" vert="horz"/>
          <a:lstStyle/>
          <a:p>
            <a:pPr>
              <a:defRPr sz="1244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90715648"/>
        <c:crosses val="autoZero"/>
        <c:lblAlgn val="ctr"/>
        <c:lblOffset val="100"/>
        <c:tickLblSkip val="2"/>
        <c:tickMarkSkip val="1"/>
      </c:catAx>
      <c:valAx>
        <c:axId val="90715648"/>
        <c:scaling>
          <c:orientation val="minMax"/>
        </c:scaling>
        <c:axPos val="l"/>
        <c:numFmt formatCode="General" sourceLinked="1"/>
        <c:majorTickMark val="cross"/>
        <c:tickLblPos val="nextTo"/>
        <c:spPr>
          <a:ln w="3949">
            <a:solidFill>
              <a:srgbClr val="000000"/>
            </a:solidFill>
            <a:prstDash val="solid"/>
          </a:ln>
        </c:spPr>
        <c:txPr>
          <a:bodyPr rot="0" vert="horz"/>
          <a:lstStyle/>
          <a:p>
            <a:pPr>
              <a:defRPr sz="1244" b="0" i="0" u="none" strike="noStrike" baseline="0">
                <a:solidFill>
                  <a:srgbClr val="000000"/>
                </a:solidFill>
                <a:latin typeface="Arial"/>
                <a:ea typeface="Arial"/>
                <a:cs typeface="Arial"/>
              </a:defRPr>
            </a:pPr>
            <a:endParaRPr lang="en-US"/>
          </a:p>
        </c:txPr>
        <c:crossAx val="90714112"/>
        <c:crosses val="autoZero"/>
        <c:crossBetween val="midCat"/>
      </c:valAx>
      <c:spPr>
        <a:solidFill>
          <a:srgbClr val="C0C0C0"/>
        </a:solidFill>
        <a:ln w="15794">
          <a:solidFill>
            <a:srgbClr val="808080"/>
          </a:solidFill>
          <a:prstDash val="solid"/>
        </a:ln>
      </c:spPr>
    </c:plotArea>
    <c:plotVisOnly val="1"/>
    <c:dispBlanksAs val="gap"/>
  </c:chart>
  <c:spPr>
    <a:noFill/>
    <a:ln>
      <a:noFill/>
    </a:ln>
  </c:spPr>
  <c:txPr>
    <a:bodyPr/>
    <a:lstStyle/>
    <a:p>
      <a:pPr>
        <a:defRPr sz="1244" b="0" i="0" u="none" strike="noStrike" baseline="0">
          <a:solidFill>
            <a:srgbClr val="000000"/>
          </a:solidFill>
          <a:latin typeface="Arial"/>
          <a:ea typeface="Arial"/>
          <a:cs typeface="Arial"/>
        </a:defRPr>
      </a:pPr>
      <a:endParaRPr lang="en-US"/>
    </a:p>
  </c:txPr>
  <c:externalData r:id="rId1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Khyber </a:t>
            </a: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Pakhtunkhaw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1720666861086955"/>
          <c:y val="0"/>
        </c:manualLayout>
      </c:layout>
    </c:title>
    <c:plotArea>
      <c:layout>
        <c:manualLayout>
          <c:layoutTarget val="inner"/>
          <c:xMode val="edge"/>
          <c:yMode val="edge"/>
          <c:x val="8.2984168008206224E-2"/>
          <c:y val="0.17328946014101201"/>
          <c:w val="0.89339071837160833"/>
          <c:h val="0.52938410272245295"/>
        </c:manualLayout>
      </c:layout>
      <c:lineChart>
        <c:grouping val="standard"/>
        <c:ser>
          <c:idx val="0"/>
          <c:order val="0"/>
          <c:tx>
            <c:v>Annual Mean Precipitation</c:v>
          </c:tx>
          <c:marker>
            <c:symbol val="none"/>
          </c:marker>
          <c:trendline>
            <c:spPr>
              <a:ln w="25400">
                <a:solidFill>
                  <a:srgbClr val="FF0000"/>
                </a:solidFill>
              </a:ln>
            </c:spPr>
            <c:trendlineType val="linear"/>
          </c:trendline>
          <c:cat>
            <c:numRef>
              <c:f>KPK_PRE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11</c:v>
                </c:pt>
              </c:numCache>
            </c:numRef>
          </c:cat>
          <c:val>
            <c:numRef>
              <c:f>KPK_PRE!$C$49:$DI$49</c:f>
              <c:numCache>
                <c:formatCode>General</c:formatCode>
                <c:ptCount val="111"/>
                <c:pt idx="0">
                  <c:v>528.29305116279318</c:v>
                </c:pt>
                <c:pt idx="1">
                  <c:v>315.56048372093142</c:v>
                </c:pt>
                <c:pt idx="2">
                  <c:v>547.65117209302298</c:v>
                </c:pt>
                <c:pt idx="3">
                  <c:v>512.27444651163205</c:v>
                </c:pt>
                <c:pt idx="4">
                  <c:v>517.08605581395238</c:v>
                </c:pt>
                <c:pt idx="5">
                  <c:v>453.66284651162908</c:v>
                </c:pt>
                <c:pt idx="6">
                  <c:v>463.07910697674424</c:v>
                </c:pt>
                <c:pt idx="7">
                  <c:v>682.63043720930352</c:v>
                </c:pt>
                <c:pt idx="8">
                  <c:v>518.23707906976801</c:v>
                </c:pt>
                <c:pt idx="9">
                  <c:v>680.22346046511655</c:v>
                </c:pt>
                <c:pt idx="10">
                  <c:v>471.95115348837004</c:v>
                </c:pt>
                <c:pt idx="11">
                  <c:v>500.0628558139548</c:v>
                </c:pt>
                <c:pt idx="12">
                  <c:v>391.33710697674394</c:v>
                </c:pt>
                <c:pt idx="13">
                  <c:v>821.29777674418949</c:v>
                </c:pt>
                <c:pt idx="14">
                  <c:v>474.8372093023255</c:v>
                </c:pt>
                <c:pt idx="15">
                  <c:v>636.91855813953498</c:v>
                </c:pt>
                <c:pt idx="16">
                  <c:v>514.22090232558151</c:v>
                </c:pt>
                <c:pt idx="17">
                  <c:v>417.99761860465117</c:v>
                </c:pt>
                <c:pt idx="18">
                  <c:v>594.04649302325549</c:v>
                </c:pt>
                <c:pt idx="19">
                  <c:v>456.94654883720864</c:v>
                </c:pt>
                <c:pt idx="20">
                  <c:v>495.69075348837163</c:v>
                </c:pt>
                <c:pt idx="21">
                  <c:v>538.1489023255815</c:v>
                </c:pt>
                <c:pt idx="22">
                  <c:v>590.27199069767767</c:v>
                </c:pt>
                <c:pt idx="23">
                  <c:v>685.55120930232317</c:v>
                </c:pt>
                <c:pt idx="24">
                  <c:v>542.87204651162801</c:v>
                </c:pt>
                <c:pt idx="25">
                  <c:v>522.36510697674419</c:v>
                </c:pt>
                <c:pt idx="26">
                  <c:v>397.40461395348825</c:v>
                </c:pt>
                <c:pt idx="27">
                  <c:v>437.0278046511628</c:v>
                </c:pt>
                <c:pt idx="28">
                  <c:v>656.24885581395347</c:v>
                </c:pt>
                <c:pt idx="29">
                  <c:v>564.14422325581347</c:v>
                </c:pt>
                <c:pt idx="30">
                  <c:v>559.91857674418804</c:v>
                </c:pt>
                <c:pt idx="31">
                  <c:v>581.42793488371706</c:v>
                </c:pt>
                <c:pt idx="32">
                  <c:v>594.63496744186034</c:v>
                </c:pt>
                <c:pt idx="33">
                  <c:v>498.90700465116265</c:v>
                </c:pt>
                <c:pt idx="34">
                  <c:v>662.37223255814195</c:v>
                </c:pt>
                <c:pt idx="35">
                  <c:v>558.50012093023258</c:v>
                </c:pt>
                <c:pt idx="36">
                  <c:v>488.72553488372097</c:v>
                </c:pt>
                <c:pt idx="37">
                  <c:v>486.70462325581377</c:v>
                </c:pt>
                <c:pt idx="38">
                  <c:v>526.38371162790804</c:v>
                </c:pt>
                <c:pt idx="39">
                  <c:v>496.10238139535073</c:v>
                </c:pt>
                <c:pt idx="40">
                  <c:v>406.43260465116265</c:v>
                </c:pt>
                <c:pt idx="41">
                  <c:v>671.39293953488379</c:v>
                </c:pt>
                <c:pt idx="42">
                  <c:v>529.90004651162803</c:v>
                </c:pt>
                <c:pt idx="43">
                  <c:v>742.76067906976755</c:v>
                </c:pt>
                <c:pt idx="44">
                  <c:v>533.3163069767445</c:v>
                </c:pt>
                <c:pt idx="45">
                  <c:v>372.45117209302333</c:v>
                </c:pt>
                <c:pt idx="46">
                  <c:v>448.06742232558202</c:v>
                </c:pt>
                <c:pt idx="47">
                  <c:v>581.23490232558152</c:v>
                </c:pt>
                <c:pt idx="48">
                  <c:v>471.5465302325581</c:v>
                </c:pt>
                <c:pt idx="49">
                  <c:v>614.24427906976803</c:v>
                </c:pt>
                <c:pt idx="50">
                  <c:v>524.2443348837204</c:v>
                </c:pt>
                <c:pt idx="51">
                  <c:v>494.7697702325583</c:v>
                </c:pt>
                <c:pt idx="52">
                  <c:v>625.68373953488867</c:v>
                </c:pt>
                <c:pt idx="53">
                  <c:v>695.1513209302326</c:v>
                </c:pt>
                <c:pt idx="54">
                  <c:v>552.01629767441796</c:v>
                </c:pt>
                <c:pt idx="55">
                  <c:v>897.17684651163063</c:v>
                </c:pt>
                <c:pt idx="56">
                  <c:v>820.54211162790648</c:v>
                </c:pt>
                <c:pt idx="57">
                  <c:v>546.32793488371669</c:v>
                </c:pt>
                <c:pt idx="58">
                  <c:v>848.85326511627738</c:v>
                </c:pt>
                <c:pt idx="59">
                  <c:v>689.95587906976755</c:v>
                </c:pt>
                <c:pt idx="60">
                  <c:v>667.65831627907335</c:v>
                </c:pt>
                <c:pt idx="61">
                  <c:v>551.16985116279068</c:v>
                </c:pt>
                <c:pt idx="62">
                  <c:v>596.45826976744149</c:v>
                </c:pt>
                <c:pt idx="63">
                  <c:v>618.67671627907384</c:v>
                </c:pt>
                <c:pt idx="64">
                  <c:v>833.87651162790712</c:v>
                </c:pt>
                <c:pt idx="65">
                  <c:v>600.27209302325582</c:v>
                </c:pt>
                <c:pt idx="66">
                  <c:v>706.84654883720748</c:v>
                </c:pt>
                <c:pt idx="67">
                  <c:v>540.66973953488355</c:v>
                </c:pt>
                <c:pt idx="68">
                  <c:v>508.75124651162764</c:v>
                </c:pt>
                <c:pt idx="69">
                  <c:v>480.83026046511628</c:v>
                </c:pt>
                <c:pt idx="70">
                  <c:v>434.52560930232551</c:v>
                </c:pt>
                <c:pt idx="71">
                  <c:v>654.56974883720943</c:v>
                </c:pt>
                <c:pt idx="72">
                  <c:v>674.21171162790802</c:v>
                </c:pt>
                <c:pt idx="73">
                  <c:v>502.9116558139537</c:v>
                </c:pt>
                <c:pt idx="74">
                  <c:v>643.13960930232543</c:v>
                </c:pt>
                <c:pt idx="75">
                  <c:v>681.23254883720927</c:v>
                </c:pt>
                <c:pt idx="76">
                  <c:v>557.55117209302296</c:v>
                </c:pt>
                <c:pt idx="77">
                  <c:v>617.9999720930233</c:v>
                </c:pt>
                <c:pt idx="78">
                  <c:v>728.45341395348839</c:v>
                </c:pt>
                <c:pt idx="79">
                  <c:v>688.48585116279094</c:v>
                </c:pt>
                <c:pt idx="80">
                  <c:v>676.08357209302335</c:v>
                </c:pt>
                <c:pt idx="81">
                  <c:v>610.5813767441889</c:v>
                </c:pt>
                <c:pt idx="82">
                  <c:v>682.09995348837253</c:v>
                </c:pt>
                <c:pt idx="83">
                  <c:v>608.72570232558155</c:v>
                </c:pt>
                <c:pt idx="84">
                  <c:v>482.12559069767423</c:v>
                </c:pt>
                <c:pt idx="85">
                  <c:v>760.85586976744139</c:v>
                </c:pt>
                <c:pt idx="86">
                  <c:v>588.34426046511385</c:v>
                </c:pt>
                <c:pt idx="87">
                  <c:v>610.34665116278745</c:v>
                </c:pt>
                <c:pt idx="88">
                  <c:v>554.64644651162803</c:v>
                </c:pt>
                <c:pt idx="89">
                  <c:v>662.83950697674402</c:v>
                </c:pt>
                <c:pt idx="90">
                  <c:v>701.02551627906973</c:v>
                </c:pt>
                <c:pt idx="91">
                  <c:v>769.89298604651174</c:v>
                </c:pt>
                <c:pt idx="92">
                  <c:v>546.43721860464802</c:v>
                </c:pt>
                <c:pt idx="93">
                  <c:v>773.39305116279058</c:v>
                </c:pt>
                <c:pt idx="94">
                  <c:v>715.58826976744251</c:v>
                </c:pt>
                <c:pt idx="95">
                  <c:v>694.42797209302296</c:v>
                </c:pt>
                <c:pt idx="96">
                  <c:v>624.43953488371778</c:v>
                </c:pt>
                <c:pt idx="97">
                  <c:v>761.13722790697648</c:v>
                </c:pt>
                <c:pt idx="98">
                  <c:v>555.03485581395296</c:v>
                </c:pt>
                <c:pt idx="99">
                  <c:v>387.55350697674413</c:v>
                </c:pt>
                <c:pt idx="100">
                  <c:v>546.89299534883753</c:v>
                </c:pt>
                <c:pt idx="101">
                  <c:v>540.56285581395025</c:v>
                </c:pt>
                <c:pt idx="102">
                  <c:v>710.50939534883855</c:v>
                </c:pt>
                <c:pt idx="103">
                  <c:v>582.68609302325581</c:v>
                </c:pt>
                <c:pt idx="104">
                  <c:v>703.3488837209303</c:v>
                </c:pt>
                <c:pt idx="105">
                  <c:v>713.33958139534798</c:v>
                </c:pt>
                <c:pt idx="106">
                  <c:v>658.49299534883755</c:v>
                </c:pt>
                <c:pt idx="107">
                  <c:v>749.9092186046513</c:v>
                </c:pt>
                <c:pt idx="108">
                  <c:v>688.95348837209303</c:v>
                </c:pt>
                <c:pt idx="109">
                  <c:v>874.81384186046512</c:v>
                </c:pt>
                <c:pt idx="110">
                  <c:v>690.85361860465048</c:v>
                </c:pt>
              </c:numCache>
            </c:numRef>
          </c:val>
        </c:ser>
        <c:marker val="1"/>
        <c:axId val="61089664"/>
        <c:axId val="61091200"/>
      </c:lineChart>
      <c:catAx>
        <c:axId val="61089664"/>
        <c:scaling>
          <c:orientation val="minMax"/>
        </c:scaling>
        <c:axPos val="b"/>
        <c:numFmt formatCode="General" sourceLinked="1"/>
        <c:tickLblPos val="nextTo"/>
        <c:crossAx val="61091200"/>
        <c:crosses val="autoZero"/>
        <c:auto val="1"/>
        <c:lblAlgn val="ctr"/>
        <c:lblOffset val="100"/>
      </c:catAx>
      <c:valAx>
        <c:axId val="61091200"/>
        <c:scaling>
          <c:orientation val="minMax"/>
          <c:min val="200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089664"/>
        <c:crosses val="autoZero"/>
        <c:crossBetween val="between"/>
        <c:majorUnit val="100"/>
      </c:valAx>
    </c:plotArea>
    <c:plotVisOnly val="1"/>
  </c:chart>
  <c:spPr>
    <a:ln>
      <a:solidFill>
        <a:schemeClr val="tx1">
          <a:alpha val="67000"/>
        </a:schemeClr>
      </a:solidFill>
    </a:ln>
  </c:spPr>
  <c:externalData r:id="rId1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Gilgit</a:t>
            </a: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-</a:t>
            </a: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Baltistan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3928537550729065"/>
          <c:y val="3.5243973641752471E-3"/>
        </c:manualLayout>
      </c:layout>
    </c:title>
    <c:plotArea>
      <c:layout>
        <c:manualLayout>
          <c:layoutTarget val="inner"/>
          <c:xMode val="edge"/>
          <c:yMode val="edge"/>
          <c:x val="7.0239777116944443E-2"/>
          <c:y val="0.1348681432860569"/>
          <c:w val="0.91637670134394755"/>
          <c:h val="0.65582826047396492"/>
        </c:manualLayout>
      </c:layout>
      <c:lineChart>
        <c:grouping val="standard"/>
        <c:ser>
          <c:idx val="0"/>
          <c:order val="0"/>
          <c:tx>
            <c:v>Average Annual Precipitation</c:v>
          </c:tx>
          <c:marker>
            <c:symbol val="none"/>
          </c:marker>
          <c:trendline>
            <c:spPr>
              <a:ln w="25400">
                <a:solidFill>
                  <a:srgbClr val="FF0000"/>
                </a:solidFill>
              </a:ln>
            </c:spPr>
            <c:trendlineType val="linear"/>
          </c:trendline>
          <c:cat>
            <c:numRef>
              <c:f>GB_PRE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GB_PRE!$C$39:$DI$39</c:f>
              <c:numCache>
                <c:formatCode>General</c:formatCode>
                <c:ptCount val="111"/>
                <c:pt idx="0">
                  <c:v>121.91810181818157</c:v>
                </c:pt>
                <c:pt idx="1">
                  <c:v>235.06669090909082</c:v>
                </c:pt>
                <c:pt idx="2">
                  <c:v>178.18179272727272</c:v>
                </c:pt>
                <c:pt idx="3">
                  <c:v>248.28180727272729</c:v>
                </c:pt>
                <c:pt idx="4">
                  <c:v>181.66970909090912</c:v>
                </c:pt>
                <c:pt idx="5">
                  <c:v>241.76059272727196</c:v>
                </c:pt>
                <c:pt idx="6">
                  <c:v>179.25455636363634</c:v>
                </c:pt>
                <c:pt idx="7">
                  <c:v>310.47869090909103</c:v>
                </c:pt>
                <c:pt idx="8">
                  <c:v>194.82730909090984</c:v>
                </c:pt>
                <c:pt idx="9">
                  <c:v>282.27570909090923</c:v>
                </c:pt>
                <c:pt idx="10">
                  <c:v>160.4030690909091</c:v>
                </c:pt>
                <c:pt idx="11">
                  <c:v>234.92113818181821</c:v>
                </c:pt>
                <c:pt idx="12">
                  <c:v>266.66363636363678</c:v>
                </c:pt>
                <c:pt idx="13">
                  <c:v>204.03029090909101</c:v>
                </c:pt>
                <c:pt idx="14">
                  <c:v>182.95151272727273</c:v>
                </c:pt>
                <c:pt idx="15">
                  <c:v>139.77270181818182</c:v>
                </c:pt>
                <c:pt idx="16">
                  <c:v>156.25453818181768</c:v>
                </c:pt>
                <c:pt idx="17">
                  <c:v>164.4333090909092</c:v>
                </c:pt>
                <c:pt idx="18">
                  <c:v>171.58190545454548</c:v>
                </c:pt>
                <c:pt idx="19">
                  <c:v>271.26658181818169</c:v>
                </c:pt>
                <c:pt idx="20">
                  <c:v>321.35150181818165</c:v>
                </c:pt>
                <c:pt idx="21">
                  <c:v>294.86360000000008</c:v>
                </c:pt>
                <c:pt idx="22">
                  <c:v>247.08468727272725</c:v>
                </c:pt>
                <c:pt idx="23">
                  <c:v>283.31511636363626</c:v>
                </c:pt>
                <c:pt idx="24">
                  <c:v>143.77578545454452</c:v>
                </c:pt>
                <c:pt idx="25">
                  <c:v>160.1879163636373</c:v>
                </c:pt>
                <c:pt idx="26">
                  <c:v>234.75462181818185</c:v>
                </c:pt>
                <c:pt idx="27">
                  <c:v>159.05157090909097</c:v>
                </c:pt>
                <c:pt idx="28">
                  <c:v>162.4181054545455</c:v>
                </c:pt>
                <c:pt idx="29">
                  <c:v>191.12119272727273</c:v>
                </c:pt>
                <c:pt idx="30">
                  <c:v>292.11821818181818</c:v>
                </c:pt>
                <c:pt idx="31">
                  <c:v>141.76062545454491</c:v>
                </c:pt>
                <c:pt idx="32">
                  <c:v>189.28488000000002</c:v>
                </c:pt>
                <c:pt idx="33">
                  <c:v>226.33944727272782</c:v>
                </c:pt>
                <c:pt idx="34">
                  <c:v>235.99389090909088</c:v>
                </c:pt>
                <c:pt idx="35">
                  <c:v>210.00911272727222</c:v>
                </c:pt>
                <c:pt idx="36">
                  <c:v>278.51516363636432</c:v>
                </c:pt>
                <c:pt idx="37">
                  <c:v>199.54541090909089</c:v>
                </c:pt>
                <c:pt idx="38">
                  <c:v>215.82717454545511</c:v>
                </c:pt>
                <c:pt idx="39">
                  <c:v>230.07273818181815</c:v>
                </c:pt>
                <c:pt idx="40">
                  <c:v>254.27272727272731</c:v>
                </c:pt>
                <c:pt idx="41">
                  <c:v>340.63342909090915</c:v>
                </c:pt>
                <c:pt idx="42">
                  <c:v>133.63939636363696</c:v>
                </c:pt>
                <c:pt idx="43">
                  <c:v>290.72410909090894</c:v>
                </c:pt>
                <c:pt idx="44">
                  <c:v>340.3605454545455</c:v>
                </c:pt>
                <c:pt idx="45">
                  <c:v>109.86966181818157</c:v>
                </c:pt>
                <c:pt idx="46">
                  <c:v>218.38188000000051</c:v>
                </c:pt>
                <c:pt idx="47">
                  <c:v>303.17881090909083</c:v>
                </c:pt>
                <c:pt idx="48">
                  <c:v>270.03041090908988</c:v>
                </c:pt>
                <c:pt idx="49">
                  <c:v>416.24854545454525</c:v>
                </c:pt>
                <c:pt idx="50">
                  <c:v>275.40599999999893</c:v>
                </c:pt>
                <c:pt idx="51">
                  <c:v>219.52420727272727</c:v>
                </c:pt>
                <c:pt idx="52">
                  <c:v>355.44239999999894</c:v>
                </c:pt>
                <c:pt idx="53">
                  <c:v>277.26658181818169</c:v>
                </c:pt>
                <c:pt idx="54">
                  <c:v>280.44851999999838</c:v>
                </c:pt>
                <c:pt idx="55">
                  <c:v>340.02732000000003</c:v>
                </c:pt>
                <c:pt idx="56">
                  <c:v>452.11814545454524</c:v>
                </c:pt>
                <c:pt idx="57">
                  <c:v>226.29997818181749</c:v>
                </c:pt>
                <c:pt idx="58">
                  <c:v>331.95461818181832</c:v>
                </c:pt>
                <c:pt idx="59">
                  <c:v>271.36059272727169</c:v>
                </c:pt>
                <c:pt idx="60">
                  <c:v>181.89696727272741</c:v>
                </c:pt>
                <c:pt idx="61">
                  <c:v>229.19392727272725</c:v>
                </c:pt>
                <c:pt idx="62">
                  <c:v>193.83942909090965</c:v>
                </c:pt>
                <c:pt idx="63">
                  <c:v>296.99098181818169</c:v>
                </c:pt>
                <c:pt idx="64">
                  <c:v>253.76060363636279</c:v>
                </c:pt>
                <c:pt idx="65">
                  <c:v>342.6635381818183</c:v>
                </c:pt>
                <c:pt idx="66">
                  <c:v>322.42119999999795</c:v>
                </c:pt>
                <c:pt idx="67">
                  <c:v>218.32736727272777</c:v>
                </c:pt>
                <c:pt idx="68">
                  <c:v>328.6546181818195</c:v>
                </c:pt>
                <c:pt idx="69">
                  <c:v>244.52727272727282</c:v>
                </c:pt>
                <c:pt idx="70">
                  <c:v>166.56368363636287</c:v>
                </c:pt>
                <c:pt idx="71">
                  <c:v>356.55152727272724</c:v>
                </c:pt>
                <c:pt idx="72">
                  <c:v>423.14254545454548</c:v>
                </c:pt>
                <c:pt idx="73">
                  <c:v>372.76676363636432</c:v>
                </c:pt>
                <c:pt idx="74">
                  <c:v>303.27882545454526</c:v>
                </c:pt>
                <c:pt idx="75">
                  <c:v>275.3394909090909</c:v>
                </c:pt>
                <c:pt idx="76">
                  <c:v>205.10910181818178</c:v>
                </c:pt>
                <c:pt idx="77">
                  <c:v>261.87876363636497</c:v>
                </c:pt>
                <c:pt idx="78">
                  <c:v>252.93934545454539</c:v>
                </c:pt>
                <c:pt idx="79">
                  <c:v>234.93642545454549</c:v>
                </c:pt>
                <c:pt idx="80">
                  <c:v>370.99396363636401</c:v>
                </c:pt>
                <c:pt idx="81">
                  <c:v>312.99090909090899</c:v>
                </c:pt>
                <c:pt idx="82">
                  <c:v>196.88790545454549</c:v>
                </c:pt>
                <c:pt idx="83">
                  <c:v>238.60615636363644</c:v>
                </c:pt>
                <c:pt idx="84">
                  <c:v>221.42423272727265</c:v>
                </c:pt>
                <c:pt idx="85">
                  <c:v>338.96370909090899</c:v>
                </c:pt>
                <c:pt idx="86">
                  <c:v>315.73341818181814</c:v>
                </c:pt>
                <c:pt idx="87">
                  <c:v>305.96367272727127</c:v>
                </c:pt>
                <c:pt idx="88">
                  <c:v>198.45458909090902</c:v>
                </c:pt>
                <c:pt idx="89">
                  <c:v>352.06367272727169</c:v>
                </c:pt>
                <c:pt idx="90">
                  <c:v>250.80312727272721</c:v>
                </c:pt>
                <c:pt idx="91">
                  <c:v>265.75755272727127</c:v>
                </c:pt>
                <c:pt idx="92">
                  <c:v>260.57272727272726</c:v>
                </c:pt>
                <c:pt idx="93">
                  <c:v>295.50302909090897</c:v>
                </c:pt>
                <c:pt idx="94">
                  <c:v>221.4939272727274</c:v>
                </c:pt>
                <c:pt idx="95">
                  <c:v>487.39392727272696</c:v>
                </c:pt>
                <c:pt idx="96">
                  <c:v>171.43032727272782</c:v>
                </c:pt>
                <c:pt idx="97">
                  <c:v>347.38479999999993</c:v>
                </c:pt>
                <c:pt idx="98">
                  <c:v>348.19996363636574</c:v>
                </c:pt>
                <c:pt idx="99">
                  <c:v>170.7878618181818</c:v>
                </c:pt>
                <c:pt idx="100">
                  <c:v>261.26962545454546</c:v>
                </c:pt>
                <c:pt idx="101">
                  <c:v>249.13019272727252</c:v>
                </c:pt>
                <c:pt idx="102">
                  <c:v>419.18490909090906</c:v>
                </c:pt>
                <c:pt idx="103">
                  <c:v>311.84838909090917</c:v>
                </c:pt>
                <c:pt idx="104">
                  <c:v>313.34243636363732</c:v>
                </c:pt>
                <c:pt idx="105">
                  <c:v>345.58178181818164</c:v>
                </c:pt>
                <c:pt idx="106">
                  <c:v>201.06867750000004</c:v>
                </c:pt>
                <c:pt idx="107">
                  <c:v>288.49372499999856</c:v>
                </c:pt>
                <c:pt idx="108">
                  <c:v>201.96877125</c:v>
                </c:pt>
                <c:pt idx="109">
                  <c:v>412.3936875</c:v>
                </c:pt>
                <c:pt idx="110">
                  <c:v>316.197</c:v>
                </c:pt>
              </c:numCache>
            </c:numRef>
          </c:val>
        </c:ser>
        <c:marker val="1"/>
        <c:axId val="61103488"/>
        <c:axId val="61133952"/>
      </c:lineChart>
      <c:catAx>
        <c:axId val="61103488"/>
        <c:scaling>
          <c:orientation val="minMax"/>
        </c:scaling>
        <c:axPos val="b"/>
        <c:numFmt formatCode="General" sourceLinked="1"/>
        <c:tickLblPos val="nextTo"/>
        <c:crossAx val="61133952"/>
        <c:crosses val="autoZero"/>
        <c:auto val="1"/>
        <c:lblAlgn val="ctr"/>
        <c:lblOffset val="100"/>
      </c:catAx>
      <c:valAx>
        <c:axId val="61133952"/>
        <c:scaling>
          <c:orientation val="minMax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103488"/>
        <c:crosses val="autoZero"/>
        <c:crossBetween val="between"/>
      </c:valAx>
    </c:plotArea>
    <c:plotVisOnly val="1"/>
  </c:chart>
  <c:spPr>
    <a:noFill/>
    <a:ln>
      <a:solidFill>
        <a:schemeClr val="tx1">
          <a:alpha val="60000"/>
        </a:schemeClr>
      </a:solidFill>
    </a:ln>
  </c:spPr>
  <c:externalData r:id="rId1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Kashmir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6940069991251295"/>
          <c:y val="0"/>
        </c:manualLayout>
      </c:layout>
    </c:title>
    <c:plotArea>
      <c:layout>
        <c:manualLayout>
          <c:layoutTarget val="inner"/>
          <c:xMode val="edge"/>
          <c:yMode val="edge"/>
          <c:x val="7.4170234162752161E-2"/>
          <c:y val="0.1207786526684167"/>
          <c:w val="0.90688058666767235"/>
          <c:h val="0.64214004499437793"/>
        </c:manualLayout>
      </c:layout>
      <c:lineChart>
        <c:grouping val="standard"/>
        <c:ser>
          <c:idx val="0"/>
          <c:order val="0"/>
          <c:tx>
            <c:v>Average Precipitation</c:v>
          </c:tx>
          <c:marker>
            <c:symbol val="none"/>
          </c:marker>
          <c:trendline>
            <c:spPr>
              <a:ln w="25400">
                <a:solidFill>
                  <a:srgbClr val="FF0000"/>
                </a:solidFill>
              </a:ln>
            </c:spPr>
            <c:trendlineType val="linear"/>
          </c:trendline>
          <c:cat>
            <c:numRef>
              <c:f>Kashmir_Pre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Kashmir_Pre!$C$16:$DI$16</c:f>
              <c:numCache>
                <c:formatCode>General</c:formatCode>
                <c:ptCount val="111"/>
                <c:pt idx="0">
                  <c:v>559.90991999999949</c:v>
                </c:pt>
                <c:pt idx="1">
                  <c:v>510.9001199999982</c:v>
                </c:pt>
                <c:pt idx="2">
                  <c:v>776.15867999999978</c:v>
                </c:pt>
                <c:pt idx="3">
                  <c:v>701.75988000000052</c:v>
                </c:pt>
                <c:pt idx="4">
                  <c:v>566.40011999999797</c:v>
                </c:pt>
                <c:pt idx="5">
                  <c:v>611.01</c:v>
                </c:pt>
                <c:pt idx="6">
                  <c:v>606.48012000000006</c:v>
                </c:pt>
                <c:pt idx="7">
                  <c:v>860.72028</c:v>
                </c:pt>
                <c:pt idx="8">
                  <c:v>739.68000000000052</c:v>
                </c:pt>
                <c:pt idx="9">
                  <c:v>600.12000000000012</c:v>
                </c:pt>
                <c:pt idx="10">
                  <c:v>574.18980000000226</c:v>
                </c:pt>
                <c:pt idx="11">
                  <c:v>522.64008000000001</c:v>
                </c:pt>
                <c:pt idx="12">
                  <c:v>507.87995999999993</c:v>
                </c:pt>
                <c:pt idx="13">
                  <c:v>742.89972000000012</c:v>
                </c:pt>
                <c:pt idx="14">
                  <c:v>484.84008000000125</c:v>
                </c:pt>
                <c:pt idx="15">
                  <c:v>559.45008000000007</c:v>
                </c:pt>
                <c:pt idx="16">
                  <c:v>688.94999999999948</c:v>
                </c:pt>
                <c:pt idx="17">
                  <c:v>481.82999999999993</c:v>
                </c:pt>
                <c:pt idx="18">
                  <c:v>531.01008000000002</c:v>
                </c:pt>
                <c:pt idx="19">
                  <c:v>539.89008000000013</c:v>
                </c:pt>
                <c:pt idx="20">
                  <c:v>693.75983999999994</c:v>
                </c:pt>
                <c:pt idx="21">
                  <c:v>566.65008</c:v>
                </c:pt>
                <c:pt idx="22">
                  <c:v>769.08</c:v>
                </c:pt>
                <c:pt idx="23">
                  <c:v>686.57999999999993</c:v>
                </c:pt>
                <c:pt idx="24">
                  <c:v>585.05999999999949</c:v>
                </c:pt>
                <c:pt idx="25">
                  <c:v>599.56007999999997</c:v>
                </c:pt>
                <c:pt idx="26">
                  <c:v>462.91007999999869</c:v>
                </c:pt>
                <c:pt idx="27">
                  <c:v>625.03991999999948</c:v>
                </c:pt>
                <c:pt idx="28">
                  <c:v>746.43996000000016</c:v>
                </c:pt>
                <c:pt idx="29">
                  <c:v>619.85015999999746</c:v>
                </c:pt>
                <c:pt idx="30">
                  <c:v>672.2499600000001</c:v>
                </c:pt>
                <c:pt idx="31">
                  <c:v>628.76003999999989</c:v>
                </c:pt>
                <c:pt idx="32">
                  <c:v>668.45015999999748</c:v>
                </c:pt>
                <c:pt idx="33">
                  <c:v>442.63991999999899</c:v>
                </c:pt>
                <c:pt idx="34">
                  <c:v>719.34011999999746</c:v>
                </c:pt>
                <c:pt idx="35">
                  <c:v>586.90007999999989</c:v>
                </c:pt>
                <c:pt idx="36">
                  <c:v>601.05995999999948</c:v>
                </c:pt>
                <c:pt idx="37">
                  <c:v>573.93000000000006</c:v>
                </c:pt>
                <c:pt idx="38">
                  <c:v>525.54996000000006</c:v>
                </c:pt>
                <c:pt idx="39">
                  <c:v>585.03</c:v>
                </c:pt>
                <c:pt idx="40">
                  <c:v>589.23</c:v>
                </c:pt>
                <c:pt idx="41">
                  <c:v>773.16984000000002</c:v>
                </c:pt>
                <c:pt idx="42">
                  <c:v>534.99011999999948</c:v>
                </c:pt>
                <c:pt idx="43">
                  <c:v>732.53975999999989</c:v>
                </c:pt>
                <c:pt idx="44">
                  <c:v>578.96003999999948</c:v>
                </c:pt>
                <c:pt idx="45">
                  <c:v>418.76988000000136</c:v>
                </c:pt>
                <c:pt idx="46">
                  <c:v>544.73016000000018</c:v>
                </c:pt>
                <c:pt idx="47">
                  <c:v>883.29912000000002</c:v>
                </c:pt>
                <c:pt idx="48">
                  <c:v>553.20995999999991</c:v>
                </c:pt>
                <c:pt idx="49">
                  <c:v>939.13968</c:v>
                </c:pt>
                <c:pt idx="50">
                  <c:v>704.5801199999994</c:v>
                </c:pt>
                <c:pt idx="51">
                  <c:v>588.18000000000052</c:v>
                </c:pt>
                <c:pt idx="52">
                  <c:v>687.45995999999946</c:v>
                </c:pt>
                <c:pt idx="53">
                  <c:v>749.13011999999947</c:v>
                </c:pt>
                <c:pt idx="54">
                  <c:v>640.86011999999687</c:v>
                </c:pt>
                <c:pt idx="55">
                  <c:v>921.34955999999738</c:v>
                </c:pt>
                <c:pt idx="56">
                  <c:v>1008.2293199999999</c:v>
                </c:pt>
                <c:pt idx="57">
                  <c:v>562.22003999999993</c:v>
                </c:pt>
                <c:pt idx="58">
                  <c:v>947.02008000000001</c:v>
                </c:pt>
                <c:pt idx="59">
                  <c:v>610.38995999999997</c:v>
                </c:pt>
                <c:pt idx="60">
                  <c:v>642.36984000000007</c:v>
                </c:pt>
                <c:pt idx="61">
                  <c:v>635.48003999999992</c:v>
                </c:pt>
                <c:pt idx="62">
                  <c:v>597.10007999999993</c:v>
                </c:pt>
                <c:pt idx="63">
                  <c:v>722.19995999999992</c:v>
                </c:pt>
                <c:pt idx="64">
                  <c:v>652.20011999999997</c:v>
                </c:pt>
                <c:pt idx="65">
                  <c:v>773.0399999999994</c:v>
                </c:pt>
                <c:pt idx="66">
                  <c:v>632.0300400000001</c:v>
                </c:pt>
                <c:pt idx="67">
                  <c:v>564.81000000000006</c:v>
                </c:pt>
                <c:pt idx="68">
                  <c:v>627.67008000000055</c:v>
                </c:pt>
                <c:pt idx="69">
                  <c:v>543.22007999999994</c:v>
                </c:pt>
                <c:pt idx="70">
                  <c:v>421.85987999999998</c:v>
                </c:pt>
                <c:pt idx="71">
                  <c:v>749.82983999999988</c:v>
                </c:pt>
                <c:pt idx="72">
                  <c:v>837.72995999999989</c:v>
                </c:pt>
                <c:pt idx="73">
                  <c:v>568.64004</c:v>
                </c:pt>
                <c:pt idx="74">
                  <c:v>936.15048000000002</c:v>
                </c:pt>
                <c:pt idx="75">
                  <c:v>760.47000000000025</c:v>
                </c:pt>
                <c:pt idx="76">
                  <c:v>536.15003999999999</c:v>
                </c:pt>
                <c:pt idx="77">
                  <c:v>757.51044000000002</c:v>
                </c:pt>
                <c:pt idx="78">
                  <c:v>729.06</c:v>
                </c:pt>
                <c:pt idx="79">
                  <c:v>730.18992000000003</c:v>
                </c:pt>
                <c:pt idx="80">
                  <c:v>815.94995999999946</c:v>
                </c:pt>
                <c:pt idx="81">
                  <c:v>698.35007999999948</c:v>
                </c:pt>
                <c:pt idx="82">
                  <c:v>795.56051999999738</c:v>
                </c:pt>
                <c:pt idx="83">
                  <c:v>659.54015999999797</c:v>
                </c:pt>
                <c:pt idx="84">
                  <c:v>573.42995999999948</c:v>
                </c:pt>
                <c:pt idx="85">
                  <c:v>844.53035999999997</c:v>
                </c:pt>
                <c:pt idx="86">
                  <c:v>684.21984000000054</c:v>
                </c:pt>
                <c:pt idx="87">
                  <c:v>887.83932000000016</c:v>
                </c:pt>
                <c:pt idx="88">
                  <c:v>704.61000000000013</c:v>
                </c:pt>
                <c:pt idx="89">
                  <c:v>845.53968000000009</c:v>
                </c:pt>
                <c:pt idx="90">
                  <c:v>662.04984000000013</c:v>
                </c:pt>
                <c:pt idx="91">
                  <c:v>848.58960000000025</c:v>
                </c:pt>
                <c:pt idx="92">
                  <c:v>663.38987999999995</c:v>
                </c:pt>
                <c:pt idx="93">
                  <c:v>774.23004000000003</c:v>
                </c:pt>
                <c:pt idx="94">
                  <c:v>835.40940000000001</c:v>
                </c:pt>
                <c:pt idx="95">
                  <c:v>899.78004000000055</c:v>
                </c:pt>
                <c:pt idx="96">
                  <c:v>673.57956000000013</c:v>
                </c:pt>
                <c:pt idx="97">
                  <c:v>683.15015999999946</c:v>
                </c:pt>
                <c:pt idx="98">
                  <c:v>596.28984000000321</c:v>
                </c:pt>
                <c:pt idx="99">
                  <c:v>473.58011999999843</c:v>
                </c:pt>
                <c:pt idx="100">
                  <c:v>627.38999999999987</c:v>
                </c:pt>
                <c:pt idx="101">
                  <c:v>634.43004000000019</c:v>
                </c:pt>
                <c:pt idx="102">
                  <c:v>874.06955999999946</c:v>
                </c:pt>
                <c:pt idx="103">
                  <c:v>664.28988000000311</c:v>
                </c:pt>
                <c:pt idx="104">
                  <c:v>700.27991999999995</c:v>
                </c:pt>
                <c:pt idx="105">
                  <c:v>968.63015999999948</c:v>
                </c:pt>
                <c:pt idx="106">
                  <c:v>578.31995999999947</c:v>
                </c:pt>
                <c:pt idx="107">
                  <c:v>696.62003999999979</c:v>
                </c:pt>
                <c:pt idx="108">
                  <c:v>530.40011999999797</c:v>
                </c:pt>
                <c:pt idx="109">
                  <c:v>939.33035999999947</c:v>
                </c:pt>
                <c:pt idx="110">
                  <c:v>719.92991999999947</c:v>
                </c:pt>
              </c:numCache>
            </c:numRef>
          </c:val>
        </c:ser>
        <c:marker val="1"/>
        <c:axId val="60904576"/>
        <c:axId val="60906112"/>
      </c:lineChart>
      <c:catAx>
        <c:axId val="60904576"/>
        <c:scaling>
          <c:orientation val="minMax"/>
        </c:scaling>
        <c:axPos val="b"/>
        <c:numFmt formatCode="General" sourceLinked="1"/>
        <c:tickLblPos val="nextTo"/>
        <c:crossAx val="60906112"/>
        <c:crosses val="autoZero"/>
        <c:auto val="1"/>
        <c:lblAlgn val="ctr"/>
        <c:lblOffset val="100"/>
      </c:catAx>
      <c:valAx>
        <c:axId val="60906112"/>
        <c:scaling>
          <c:orientation val="minMax"/>
          <c:min val="200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0904576"/>
        <c:crosses val="autoZero"/>
        <c:crossBetween val="between"/>
        <c:majorUnit val="100"/>
      </c:valAx>
    </c:plotArea>
    <c:plotVisOnly val="1"/>
  </c:chart>
  <c:spPr>
    <a:ln>
      <a:solidFill>
        <a:schemeClr val="tx1">
          <a:alpha val="70000"/>
        </a:schemeClr>
      </a:solidFill>
    </a:ln>
  </c:spPr>
  <c:externalData r:id="rId1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Balochistan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5401210265383498"/>
          <c:y val="0"/>
        </c:manualLayout>
      </c:layout>
      <c:overlay val="1"/>
    </c:title>
    <c:plotArea>
      <c:layout>
        <c:manualLayout>
          <c:layoutTarget val="inner"/>
          <c:xMode val="edge"/>
          <c:yMode val="edge"/>
          <c:x val="7.7738407699037934E-2"/>
          <c:y val="0.10232648002333072"/>
          <c:w val="0.89363648293963249"/>
          <c:h val="0.65634660250802679"/>
        </c:manualLayout>
      </c:layout>
      <c:lineChart>
        <c:grouping val="standard"/>
        <c:ser>
          <c:idx val="0"/>
          <c:order val="0"/>
          <c:tx>
            <c:v>Annual Mean Precipitation</c:v>
          </c:tx>
          <c:marker>
            <c:symbol val="none"/>
          </c:marker>
          <c:trendline>
            <c:spPr>
              <a:ln w="25400">
                <a:solidFill>
                  <a:srgbClr val="FF0000"/>
                </a:solidFill>
              </a:ln>
            </c:spPr>
            <c:trendlineType val="linear"/>
          </c:trendline>
          <c:cat>
            <c:numRef>
              <c:f>Balochistan_Pre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Balochistan_Pre!$C$146:$DI$146</c:f>
              <c:numCache>
                <c:formatCode>General</c:formatCode>
                <c:ptCount val="111"/>
                <c:pt idx="0">
                  <c:v>173.26714971428581</c:v>
                </c:pt>
                <c:pt idx="1">
                  <c:v>94.861427142857139</c:v>
                </c:pt>
                <c:pt idx="2">
                  <c:v>163.23500828571426</c:v>
                </c:pt>
                <c:pt idx="3">
                  <c:v>144.95502942857141</c:v>
                </c:pt>
                <c:pt idx="4">
                  <c:v>195.41502685714286</c:v>
                </c:pt>
                <c:pt idx="5">
                  <c:v>190.1513760000004</c:v>
                </c:pt>
                <c:pt idx="6">
                  <c:v>155.59501800000001</c:v>
                </c:pt>
                <c:pt idx="7">
                  <c:v>234.59854714285711</c:v>
                </c:pt>
                <c:pt idx="8">
                  <c:v>254.89217314285725</c:v>
                </c:pt>
                <c:pt idx="9">
                  <c:v>145.29214542857139</c:v>
                </c:pt>
                <c:pt idx="10">
                  <c:v>163.54999628571431</c:v>
                </c:pt>
                <c:pt idx="11">
                  <c:v>174.98711485714284</c:v>
                </c:pt>
                <c:pt idx="12">
                  <c:v>177.55281857142867</c:v>
                </c:pt>
                <c:pt idx="13">
                  <c:v>263.81427342857143</c:v>
                </c:pt>
                <c:pt idx="14">
                  <c:v>158.98212771428612</c:v>
                </c:pt>
                <c:pt idx="15">
                  <c:v>271.966441714285</c:v>
                </c:pt>
                <c:pt idx="16">
                  <c:v>186.84001542857152</c:v>
                </c:pt>
                <c:pt idx="17">
                  <c:v>149.08504371428577</c:v>
                </c:pt>
                <c:pt idx="18">
                  <c:v>213.88427828571471</c:v>
                </c:pt>
                <c:pt idx="19">
                  <c:v>124.55427599999996</c:v>
                </c:pt>
                <c:pt idx="20">
                  <c:v>152.67641742857143</c:v>
                </c:pt>
                <c:pt idx="21">
                  <c:v>118.16499342857139</c:v>
                </c:pt>
                <c:pt idx="22">
                  <c:v>147.3950082857146</c:v>
                </c:pt>
                <c:pt idx="23">
                  <c:v>237.71713199999994</c:v>
                </c:pt>
                <c:pt idx="24">
                  <c:v>110.34356828571441</c:v>
                </c:pt>
                <c:pt idx="25">
                  <c:v>224.91641314285698</c:v>
                </c:pt>
                <c:pt idx="26">
                  <c:v>212.76074142857138</c:v>
                </c:pt>
                <c:pt idx="27">
                  <c:v>122.61145114285711</c:v>
                </c:pt>
                <c:pt idx="28">
                  <c:v>231.96146057142857</c:v>
                </c:pt>
                <c:pt idx="29">
                  <c:v>186.17288828571429</c:v>
                </c:pt>
                <c:pt idx="30">
                  <c:v>191.24932028571422</c:v>
                </c:pt>
                <c:pt idx="31">
                  <c:v>238.61212028571441</c:v>
                </c:pt>
                <c:pt idx="32">
                  <c:v>285.26856514285703</c:v>
                </c:pt>
                <c:pt idx="33">
                  <c:v>209.06646000000001</c:v>
                </c:pt>
                <c:pt idx="34">
                  <c:v>240.2643068571428</c:v>
                </c:pt>
                <c:pt idx="35">
                  <c:v>189.25998171428552</c:v>
                </c:pt>
                <c:pt idx="36">
                  <c:v>236.51353114285655</c:v>
                </c:pt>
                <c:pt idx="37">
                  <c:v>206.96498571428558</c:v>
                </c:pt>
                <c:pt idx="38">
                  <c:v>238.84645028571427</c:v>
                </c:pt>
                <c:pt idx="39">
                  <c:v>176.90856771428577</c:v>
                </c:pt>
                <c:pt idx="40">
                  <c:v>108.41072914285712</c:v>
                </c:pt>
                <c:pt idx="41">
                  <c:v>321.94645714285713</c:v>
                </c:pt>
                <c:pt idx="42">
                  <c:v>194.36859000000001</c:v>
                </c:pt>
                <c:pt idx="43">
                  <c:v>430.46855742856974</c:v>
                </c:pt>
                <c:pt idx="44">
                  <c:v>217.66501114285683</c:v>
                </c:pt>
                <c:pt idx="45">
                  <c:v>124.0978662857145</c:v>
                </c:pt>
                <c:pt idx="46">
                  <c:v>150.50144057142867</c:v>
                </c:pt>
                <c:pt idx="47">
                  <c:v>171.61927028571418</c:v>
                </c:pt>
                <c:pt idx="48">
                  <c:v>127.87429542857143</c:v>
                </c:pt>
                <c:pt idx="49">
                  <c:v>179.44854428571429</c:v>
                </c:pt>
                <c:pt idx="50">
                  <c:v>165.36146485714283</c:v>
                </c:pt>
                <c:pt idx="51">
                  <c:v>137.43643200000031</c:v>
                </c:pt>
                <c:pt idx="52">
                  <c:v>150.18430542857138</c:v>
                </c:pt>
                <c:pt idx="53">
                  <c:v>175.87996800000002</c:v>
                </c:pt>
                <c:pt idx="54">
                  <c:v>156.61431342857108</c:v>
                </c:pt>
                <c:pt idx="55">
                  <c:v>259.45789885714294</c:v>
                </c:pt>
                <c:pt idx="56">
                  <c:v>205.75854685714287</c:v>
                </c:pt>
                <c:pt idx="57">
                  <c:v>170.58000085714284</c:v>
                </c:pt>
                <c:pt idx="58">
                  <c:v>230.69501485714278</c:v>
                </c:pt>
                <c:pt idx="59">
                  <c:v>151.45857171428565</c:v>
                </c:pt>
                <c:pt idx="60">
                  <c:v>228.49070228571441</c:v>
                </c:pt>
                <c:pt idx="61">
                  <c:v>126.23000657142848</c:v>
                </c:pt>
                <c:pt idx="62">
                  <c:v>115.93999800000003</c:v>
                </c:pt>
                <c:pt idx="63">
                  <c:v>123.19426028571458</c:v>
                </c:pt>
                <c:pt idx="64">
                  <c:v>146.41643571428574</c:v>
                </c:pt>
                <c:pt idx="65">
                  <c:v>108.9028654285714</c:v>
                </c:pt>
                <c:pt idx="66">
                  <c:v>232.46930399999997</c:v>
                </c:pt>
                <c:pt idx="67">
                  <c:v>97.316422285714296</c:v>
                </c:pt>
                <c:pt idx="68">
                  <c:v>90.909289714285677</c:v>
                </c:pt>
                <c:pt idx="69">
                  <c:v>220.9592571428571</c:v>
                </c:pt>
                <c:pt idx="70">
                  <c:v>85.371424285714326</c:v>
                </c:pt>
                <c:pt idx="71">
                  <c:v>148.70853771428574</c:v>
                </c:pt>
                <c:pt idx="72">
                  <c:v>112.97144485714281</c:v>
                </c:pt>
                <c:pt idx="73">
                  <c:v>83.429292599999982</c:v>
                </c:pt>
                <c:pt idx="74">
                  <c:v>201.56070171428578</c:v>
                </c:pt>
                <c:pt idx="75">
                  <c:v>243.05353199999985</c:v>
                </c:pt>
                <c:pt idx="76">
                  <c:v>168.83859171428583</c:v>
                </c:pt>
                <c:pt idx="77">
                  <c:v>182.00432399999994</c:v>
                </c:pt>
                <c:pt idx="78">
                  <c:v>200.12576228571419</c:v>
                </c:pt>
                <c:pt idx="79">
                  <c:v>135.094998</c:v>
                </c:pt>
                <c:pt idx="80">
                  <c:v>163.9843088571433</c:v>
                </c:pt>
                <c:pt idx="81">
                  <c:v>318.59072228571426</c:v>
                </c:pt>
                <c:pt idx="82">
                  <c:v>220.83000342857142</c:v>
                </c:pt>
                <c:pt idx="83">
                  <c:v>109.59141085714282</c:v>
                </c:pt>
                <c:pt idx="84">
                  <c:v>151.6450242857143</c:v>
                </c:pt>
                <c:pt idx="85">
                  <c:v>189.45498857142866</c:v>
                </c:pt>
                <c:pt idx="86">
                  <c:v>128.9492485714286</c:v>
                </c:pt>
                <c:pt idx="87">
                  <c:v>157.11643714285711</c:v>
                </c:pt>
                <c:pt idx="88">
                  <c:v>191.61427457142813</c:v>
                </c:pt>
                <c:pt idx="89">
                  <c:v>241.45358742857155</c:v>
                </c:pt>
                <c:pt idx="90">
                  <c:v>203.12645571428578</c:v>
                </c:pt>
                <c:pt idx="91">
                  <c:v>253.86356742857132</c:v>
                </c:pt>
                <c:pt idx="92">
                  <c:v>110.49571028571432</c:v>
                </c:pt>
                <c:pt idx="93">
                  <c:v>263.78356114285714</c:v>
                </c:pt>
                <c:pt idx="94">
                  <c:v>193.0943091428571</c:v>
                </c:pt>
                <c:pt idx="95">
                  <c:v>175.95711514285711</c:v>
                </c:pt>
                <c:pt idx="96">
                  <c:v>259.69715228571425</c:v>
                </c:pt>
                <c:pt idx="97">
                  <c:v>148.28287542857132</c:v>
                </c:pt>
                <c:pt idx="98">
                  <c:v>130.02001885714284</c:v>
                </c:pt>
                <c:pt idx="99">
                  <c:v>62.037849942857164</c:v>
                </c:pt>
                <c:pt idx="100">
                  <c:v>100.48644171428575</c:v>
                </c:pt>
                <c:pt idx="101">
                  <c:v>92.572865999999948</c:v>
                </c:pt>
                <c:pt idx="102">
                  <c:v>188.95713942857168</c:v>
                </c:pt>
                <c:pt idx="103">
                  <c:v>92.583576857142788</c:v>
                </c:pt>
                <c:pt idx="104">
                  <c:v>180.05503200000001</c:v>
                </c:pt>
                <c:pt idx="105">
                  <c:v>151.01213399999997</c:v>
                </c:pt>
                <c:pt idx="106">
                  <c:v>177.72499885714291</c:v>
                </c:pt>
                <c:pt idx="107">
                  <c:v>138.30644142857147</c:v>
                </c:pt>
                <c:pt idx="108">
                  <c:v>154.54784999999998</c:v>
                </c:pt>
                <c:pt idx="109">
                  <c:v>153.85426800000027</c:v>
                </c:pt>
                <c:pt idx="110">
                  <c:v>190.86929657142849</c:v>
                </c:pt>
              </c:numCache>
            </c:numRef>
          </c:val>
        </c:ser>
        <c:marker val="1"/>
        <c:axId val="60930688"/>
        <c:axId val="60940672"/>
      </c:lineChart>
      <c:catAx>
        <c:axId val="60930688"/>
        <c:scaling>
          <c:orientation val="minMax"/>
        </c:scaling>
        <c:axPos val="b"/>
        <c:numFmt formatCode="General" sourceLinked="1"/>
        <c:tickLblPos val="nextTo"/>
        <c:crossAx val="60940672"/>
        <c:crosses val="autoZero"/>
        <c:auto val="1"/>
        <c:lblAlgn val="ctr"/>
        <c:lblOffset val="100"/>
      </c:catAx>
      <c:valAx>
        <c:axId val="60940672"/>
        <c:scaling>
          <c:orientation val="minMax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0930688"/>
        <c:crosses val="autoZero"/>
        <c:crossBetween val="between"/>
      </c:valAx>
    </c:plotArea>
    <c:plotVisOnly val="1"/>
  </c:chart>
  <c:spPr>
    <a:ln>
      <a:solidFill>
        <a:schemeClr val="tx1">
          <a:alpha val="50000"/>
        </a:schemeClr>
      </a:solidFill>
    </a:ln>
  </c:spPr>
  <c:externalData r:id="rId1"/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Punjab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40519296199086302"/>
          <c:y val="0"/>
        </c:manualLayout>
      </c:layout>
      <c:overlay val="1"/>
    </c:title>
    <c:plotArea>
      <c:layout>
        <c:manualLayout>
          <c:layoutTarget val="inner"/>
          <c:xMode val="edge"/>
          <c:yMode val="edge"/>
          <c:x val="5.9366830383825966E-2"/>
          <c:y val="8.5307752023954686E-2"/>
          <c:w val="0.90707907798653964"/>
          <c:h val="0.80214742523381888"/>
        </c:manualLayout>
      </c:layout>
      <c:lineChart>
        <c:grouping val="standard"/>
        <c:ser>
          <c:idx val="0"/>
          <c:order val="0"/>
          <c:tx>
            <c:v> Annual Mean Precipitation</c:v>
          </c:tx>
          <c:marker>
            <c:symbol val="none"/>
          </c:marker>
          <c:trendline>
            <c:spPr>
              <a:ln w="25400">
                <a:solidFill>
                  <a:srgbClr val="FF0000"/>
                </a:solidFill>
              </a:ln>
            </c:spPr>
            <c:trendlineType val="linear"/>
          </c:trendline>
          <c:cat>
            <c:numRef>
              <c:f>PunJab_pre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PunJab_pre!$C$90:$DI$90</c:f>
              <c:numCache>
                <c:formatCode>General</c:formatCode>
                <c:ptCount val="111"/>
                <c:pt idx="0">
                  <c:v>343.90712857142825</c:v>
                </c:pt>
                <c:pt idx="1">
                  <c:v>217.87735000000004</c:v>
                </c:pt>
                <c:pt idx="2">
                  <c:v>381.01656142857036</c:v>
                </c:pt>
                <c:pt idx="3">
                  <c:v>341.87262857142872</c:v>
                </c:pt>
                <c:pt idx="4">
                  <c:v>302.49166571428464</c:v>
                </c:pt>
                <c:pt idx="5">
                  <c:v>382.35239857142847</c:v>
                </c:pt>
                <c:pt idx="6">
                  <c:v>379.18337142857024</c:v>
                </c:pt>
                <c:pt idx="7">
                  <c:v>577.89277142857304</c:v>
                </c:pt>
                <c:pt idx="8">
                  <c:v>601.10727142857161</c:v>
                </c:pt>
                <c:pt idx="9">
                  <c:v>477.83581857142855</c:v>
                </c:pt>
                <c:pt idx="10">
                  <c:v>317.63811571428391</c:v>
                </c:pt>
                <c:pt idx="11">
                  <c:v>310.49402285714223</c:v>
                </c:pt>
                <c:pt idx="12">
                  <c:v>327.80472857142871</c:v>
                </c:pt>
                <c:pt idx="13">
                  <c:v>609.25581428571297</c:v>
                </c:pt>
                <c:pt idx="14">
                  <c:v>302.47623285714167</c:v>
                </c:pt>
                <c:pt idx="15">
                  <c:v>597.87868571428567</c:v>
                </c:pt>
                <c:pt idx="16">
                  <c:v>576.39864285714305</c:v>
                </c:pt>
                <c:pt idx="17">
                  <c:v>244.12494428571426</c:v>
                </c:pt>
                <c:pt idx="18">
                  <c:v>499.90708571428564</c:v>
                </c:pt>
                <c:pt idx="19">
                  <c:v>268.63332857142859</c:v>
                </c:pt>
                <c:pt idx="20">
                  <c:v>384.80000000000007</c:v>
                </c:pt>
                <c:pt idx="21">
                  <c:v>366.91309142857006</c:v>
                </c:pt>
                <c:pt idx="22">
                  <c:v>444.81775285714269</c:v>
                </c:pt>
                <c:pt idx="23">
                  <c:v>451.76304285714269</c:v>
                </c:pt>
                <c:pt idx="24">
                  <c:v>388.30240857142871</c:v>
                </c:pt>
                <c:pt idx="25">
                  <c:v>425.11661428571426</c:v>
                </c:pt>
                <c:pt idx="26">
                  <c:v>291.66785714285732</c:v>
                </c:pt>
                <c:pt idx="27">
                  <c:v>344.21304285714263</c:v>
                </c:pt>
                <c:pt idx="28">
                  <c:v>582.79407142857406</c:v>
                </c:pt>
                <c:pt idx="29">
                  <c:v>406.37380000000007</c:v>
                </c:pt>
                <c:pt idx="30">
                  <c:v>402.06187142857129</c:v>
                </c:pt>
                <c:pt idx="31">
                  <c:v>458.57977142857129</c:v>
                </c:pt>
                <c:pt idx="32">
                  <c:v>467.8428714285713</c:v>
                </c:pt>
                <c:pt idx="33">
                  <c:v>294.74405714285717</c:v>
                </c:pt>
                <c:pt idx="34">
                  <c:v>469.50004285714266</c:v>
                </c:pt>
                <c:pt idx="35">
                  <c:v>352.84638142857125</c:v>
                </c:pt>
                <c:pt idx="36">
                  <c:v>391.39757142857025</c:v>
                </c:pt>
                <c:pt idx="37">
                  <c:v>284.77613857142717</c:v>
                </c:pt>
                <c:pt idx="38">
                  <c:v>264.96546142857125</c:v>
                </c:pt>
                <c:pt idx="39">
                  <c:v>300.59640428571424</c:v>
                </c:pt>
                <c:pt idx="40">
                  <c:v>263.06307142857037</c:v>
                </c:pt>
                <c:pt idx="41">
                  <c:v>598.94407142857153</c:v>
                </c:pt>
                <c:pt idx="42">
                  <c:v>294.15112857142861</c:v>
                </c:pt>
                <c:pt idx="43">
                  <c:v>606.53934285714354</c:v>
                </c:pt>
                <c:pt idx="44">
                  <c:v>425.96187142857025</c:v>
                </c:pt>
                <c:pt idx="45">
                  <c:v>279.15594428571438</c:v>
                </c:pt>
                <c:pt idx="46">
                  <c:v>252.06070857142851</c:v>
                </c:pt>
                <c:pt idx="47">
                  <c:v>546.48932428571288</c:v>
                </c:pt>
                <c:pt idx="48">
                  <c:v>328.24884285714279</c:v>
                </c:pt>
                <c:pt idx="49">
                  <c:v>490.23461428571426</c:v>
                </c:pt>
                <c:pt idx="50">
                  <c:v>315.07262142857127</c:v>
                </c:pt>
                <c:pt idx="51">
                  <c:v>232.10832285714281</c:v>
                </c:pt>
                <c:pt idx="52">
                  <c:v>400.54644285714267</c:v>
                </c:pt>
                <c:pt idx="53">
                  <c:v>355.79520999999914</c:v>
                </c:pt>
                <c:pt idx="54">
                  <c:v>425.65949999999998</c:v>
                </c:pt>
                <c:pt idx="55">
                  <c:v>562.28580000000159</c:v>
                </c:pt>
                <c:pt idx="56">
                  <c:v>459.82615999999865</c:v>
                </c:pt>
                <c:pt idx="57">
                  <c:v>323.93573714285634</c:v>
                </c:pt>
                <c:pt idx="58">
                  <c:v>582.37735714285759</c:v>
                </c:pt>
                <c:pt idx="59">
                  <c:v>389.10117571428447</c:v>
                </c:pt>
                <c:pt idx="60">
                  <c:v>482.75361428571426</c:v>
                </c:pt>
                <c:pt idx="61">
                  <c:v>413.21782857142858</c:v>
                </c:pt>
                <c:pt idx="62">
                  <c:v>299.70830142856994</c:v>
                </c:pt>
                <c:pt idx="63">
                  <c:v>476.16192285714283</c:v>
                </c:pt>
                <c:pt idx="64">
                  <c:v>355.36072285714306</c:v>
                </c:pt>
                <c:pt idx="65">
                  <c:v>411.49756714285695</c:v>
                </c:pt>
                <c:pt idx="66">
                  <c:v>472.45717142857018</c:v>
                </c:pt>
                <c:pt idx="67">
                  <c:v>326.94402428571431</c:v>
                </c:pt>
                <c:pt idx="68">
                  <c:v>379.67856285714265</c:v>
                </c:pt>
                <c:pt idx="69">
                  <c:v>392.81544285714273</c:v>
                </c:pt>
                <c:pt idx="70">
                  <c:v>334.71421428571426</c:v>
                </c:pt>
                <c:pt idx="71">
                  <c:v>338.50953142857048</c:v>
                </c:pt>
                <c:pt idx="72">
                  <c:v>541.07032000000004</c:v>
                </c:pt>
                <c:pt idx="73">
                  <c:v>324.66312428571416</c:v>
                </c:pt>
                <c:pt idx="74">
                  <c:v>593.42729999999744</c:v>
                </c:pt>
                <c:pt idx="75">
                  <c:v>627.59991428571288</c:v>
                </c:pt>
                <c:pt idx="76">
                  <c:v>420.41785428571416</c:v>
                </c:pt>
                <c:pt idx="77">
                  <c:v>587.1941000000005</c:v>
                </c:pt>
                <c:pt idx="78">
                  <c:v>456.15002857142872</c:v>
                </c:pt>
                <c:pt idx="79">
                  <c:v>489.11905571428565</c:v>
                </c:pt>
                <c:pt idx="80">
                  <c:v>516.32615714285646</c:v>
                </c:pt>
                <c:pt idx="81">
                  <c:v>537.55715714285532</c:v>
                </c:pt>
                <c:pt idx="82">
                  <c:v>629.46204285714293</c:v>
                </c:pt>
                <c:pt idx="83">
                  <c:v>446.18328999999994</c:v>
                </c:pt>
                <c:pt idx="84">
                  <c:v>381.32491428571433</c:v>
                </c:pt>
                <c:pt idx="85">
                  <c:v>508.5141571428569</c:v>
                </c:pt>
                <c:pt idx="86">
                  <c:v>325.89403571428494</c:v>
                </c:pt>
                <c:pt idx="87">
                  <c:v>479.13807142857019</c:v>
                </c:pt>
                <c:pt idx="88">
                  <c:v>449.9452</c:v>
                </c:pt>
                <c:pt idx="89">
                  <c:v>610.99184285714352</c:v>
                </c:pt>
                <c:pt idx="90">
                  <c:v>442.85603571428476</c:v>
                </c:pt>
                <c:pt idx="91">
                  <c:v>552.30218571428327</c:v>
                </c:pt>
                <c:pt idx="92">
                  <c:v>394.9297485714286</c:v>
                </c:pt>
                <c:pt idx="93">
                  <c:v>564.9975571428572</c:v>
                </c:pt>
                <c:pt idx="94">
                  <c:v>609.21077142857393</c:v>
                </c:pt>
                <c:pt idx="95">
                  <c:v>494.70118571428463</c:v>
                </c:pt>
                <c:pt idx="96">
                  <c:v>597.26104285714302</c:v>
                </c:pt>
                <c:pt idx="97">
                  <c:v>453.44033714285723</c:v>
                </c:pt>
                <c:pt idx="98">
                  <c:v>349.42744285714269</c:v>
                </c:pt>
                <c:pt idx="99">
                  <c:v>330.27024857142857</c:v>
                </c:pt>
                <c:pt idx="100">
                  <c:v>437.07734285714264</c:v>
                </c:pt>
                <c:pt idx="101">
                  <c:v>313.70714428571426</c:v>
                </c:pt>
                <c:pt idx="102">
                  <c:v>505.96185714285713</c:v>
                </c:pt>
                <c:pt idx="103">
                  <c:v>439.4880799999986</c:v>
                </c:pt>
                <c:pt idx="104">
                  <c:v>511.50599142857129</c:v>
                </c:pt>
                <c:pt idx="105">
                  <c:v>542.60957285714494</c:v>
                </c:pt>
                <c:pt idx="106">
                  <c:v>511.57029999999969</c:v>
                </c:pt>
                <c:pt idx="107">
                  <c:v>566.70829999999989</c:v>
                </c:pt>
                <c:pt idx="108">
                  <c:v>354.9142642857143</c:v>
                </c:pt>
                <c:pt idx="109">
                  <c:v>629.4689857142854</c:v>
                </c:pt>
                <c:pt idx="110">
                  <c:v>518.20597142857355</c:v>
                </c:pt>
              </c:numCache>
            </c:numRef>
          </c:val>
        </c:ser>
        <c:marker val="1"/>
        <c:axId val="61227392"/>
        <c:axId val="61228928"/>
      </c:lineChart>
      <c:catAx>
        <c:axId val="61227392"/>
        <c:scaling>
          <c:orientation val="minMax"/>
        </c:scaling>
        <c:axPos val="b"/>
        <c:numFmt formatCode="General" sourceLinked="1"/>
        <c:tickLblPos val="nextTo"/>
        <c:crossAx val="61228928"/>
        <c:crosses val="autoZero"/>
        <c:auto val="1"/>
        <c:lblAlgn val="ctr"/>
        <c:lblOffset val="100"/>
      </c:catAx>
      <c:valAx>
        <c:axId val="61228928"/>
        <c:scaling>
          <c:orientation val="minMax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227392"/>
        <c:crosses val="autoZero"/>
        <c:crossBetween val="between"/>
      </c:valAx>
    </c:plotArea>
    <c:plotVisOnly val="1"/>
  </c:chart>
  <c:spPr>
    <a:ln w="12700">
      <a:solidFill>
        <a:schemeClr val="tx1"/>
      </a:solidFill>
    </a:ln>
  </c:spPr>
  <c:externalData r:id="rId1"/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Punjab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6261444200995296"/>
          <c:y val="0"/>
        </c:manualLayout>
      </c:layout>
      <c:overlay val="1"/>
    </c:title>
    <c:plotArea>
      <c:layout>
        <c:manualLayout>
          <c:layoutTarget val="inner"/>
          <c:xMode val="edge"/>
          <c:yMode val="edge"/>
          <c:x val="7.7233727554201548E-2"/>
          <c:y val="0.14399314668999827"/>
          <c:w val="0.90647056172139295"/>
          <c:h val="0.61467993584135361"/>
        </c:manualLayout>
      </c:layout>
      <c:lineChart>
        <c:grouping val="standard"/>
        <c:ser>
          <c:idx val="0"/>
          <c:order val="0"/>
          <c:tx>
            <c:v>Annual Mean temperature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Punjab_Temp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Punjab_Temp!$C$88:$DI$88</c:f>
              <c:numCache>
                <c:formatCode>General</c:formatCode>
                <c:ptCount val="111"/>
                <c:pt idx="0">
                  <c:v>24.57837142857143</c:v>
                </c:pt>
                <c:pt idx="1">
                  <c:v>24.86845119047619</c:v>
                </c:pt>
                <c:pt idx="2">
                  <c:v>23.892861904761887</c:v>
                </c:pt>
                <c:pt idx="3">
                  <c:v>24.463592857142725</c:v>
                </c:pt>
                <c:pt idx="4">
                  <c:v>23.960516666666589</c:v>
                </c:pt>
                <c:pt idx="5">
                  <c:v>24.277379761904754</c:v>
                </c:pt>
                <c:pt idx="6">
                  <c:v>23.856348809523713</c:v>
                </c:pt>
                <c:pt idx="7">
                  <c:v>23.944048809523682</c:v>
                </c:pt>
                <c:pt idx="8">
                  <c:v>23.755057142857133</c:v>
                </c:pt>
                <c:pt idx="9">
                  <c:v>23.732539285714161</c:v>
                </c:pt>
                <c:pt idx="10">
                  <c:v>24.131844047619136</c:v>
                </c:pt>
                <c:pt idx="11">
                  <c:v>24.233634523809524</c:v>
                </c:pt>
                <c:pt idx="12">
                  <c:v>23.853570238095227</c:v>
                </c:pt>
                <c:pt idx="13">
                  <c:v>23.988591666666629</c:v>
                </c:pt>
                <c:pt idx="14">
                  <c:v>24.838884523809604</c:v>
                </c:pt>
                <c:pt idx="15">
                  <c:v>23.992758333333189</c:v>
                </c:pt>
                <c:pt idx="16">
                  <c:v>23.542461904761794</c:v>
                </c:pt>
                <c:pt idx="17">
                  <c:v>23.939877380952392</c:v>
                </c:pt>
                <c:pt idx="18">
                  <c:v>23.712992857142829</c:v>
                </c:pt>
                <c:pt idx="19">
                  <c:v>23.844941666666731</c:v>
                </c:pt>
                <c:pt idx="20">
                  <c:v>24.935521428571427</c:v>
                </c:pt>
                <c:pt idx="21">
                  <c:v>24.323307142857146</c:v>
                </c:pt>
                <c:pt idx="22">
                  <c:v>23.668554761904765</c:v>
                </c:pt>
                <c:pt idx="23">
                  <c:v>23.768653571428473</c:v>
                </c:pt>
                <c:pt idx="24">
                  <c:v>23.814088095238201</c:v>
                </c:pt>
                <c:pt idx="25">
                  <c:v>23.712107142857143</c:v>
                </c:pt>
                <c:pt idx="26">
                  <c:v>23.744845238095227</c:v>
                </c:pt>
                <c:pt idx="27">
                  <c:v>24.556845238095239</c:v>
                </c:pt>
                <c:pt idx="28">
                  <c:v>23.91667142857143</c:v>
                </c:pt>
                <c:pt idx="29">
                  <c:v>23.606641666666665</c:v>
                </c:pt>
                <c:pt idx="30">
                  <c:v>24.712103571428507</c:v>
                </c:pt>
                <c:pt idx="31">
                  <c:v>24.952378571428529</c:v>
                </c:pt>
                <c:pt idx="32">
                  <c:v>24.279463095238093</c:v>
                </c:pt>
                <c:pt idx="33">
                  <c:v>24.616863095238202</c:v>
                </c:pt>
                <c:pt idx="34">
                  <c:v>23.893646428571429</c:v>
                </c:pt>
                <c:pt idx="35">
                  <c:v>24.311407142857195</c:v>
                </c:pt>
                <c:pt idx="36">
                  <c:v>24.054869047619128</c:v>
                </c:pt>
                <c:pt idx="37">
                  <c:v>24.446032142857089</c:v>
                </c:pt>
                <c:pt idx="38">
                  <c:v>24.310116666666691</c:v>
                </c:pt>
                <c:pt idx="39">
                  <c:v>24.56636666666666</c:v>
                </c:pt>
                <c:pt idx="40">
                  <c:v>25.502871428571435</c:v>
                </c:pt>
                <c:pt idx="41">
                  <c:v>24.644742857142766</c:v>
                </c:pt>
                <c:pt idx="42">
                  <c:v>24.734815476190569</c:v>
                </c:pt>
                <c:pt idx="43">
                  <c:v>24.178072619047633</c:v>
                </c:pt>
                <c:pt idx="44">
                  <c:v>24.066966666666691</c:v>
                </c:pt>
                <c:pt idx="45">
                  <c:v>25.31557619047619</c:v>
                </c:pt>
                <c:pt idx="46">
                  <c:v>25.27817380952369</c:v>
                </c:pt>
                <c:pt idx="47">
                  <c:v>24.501190476190491</c:v>
                </c:pt>
                <c:pt idx="48">
                  <c:v>24.290083333333204</c:v>
                </c:pt>
                <c:pt idx="49">
                  <c:v>23.308139285714194</c:v>
                </c:pt>
                <c:pt idx="50">
                  <c:v>24.410717857142789</c:v>
                </c:pt>
                <c:pt idx="51">
                  <c:v>24.711014285714288</c:v>
                </c:pt>
                <c:pt idx="52">
                  <c:v>25.164582142857142</c:v>
                </c:pt>
                <c:pt idx="53">
                  <c:v>24.539080952380953</c:v>
                </c:pt>
                <c:pt idx="54">
                  <c:v>24.317561904761902</c:v>
                </c:pt>
                <c:pt idx="55">
                  <c:v>24.167361904761886</c:v>
                </c:pt>
                <c:pt idx="56">
                  <c:v>23.456549999999879</c:v>
                </c:pt>
                <c:pt idx="57">
                  <c:v>25.045334523809522</c:v>
                </c:pt>
                <c:pt idx="58">
                  <c:v>24.503667857142826</c:v>
                </c:pt>
                <c:pt idx="59">
                  <c:v>24.36964166666667</c:v>
                </c:pt>
                <c:pt idx="60">
                  <c:v>23.989780952380851</c:v>
                </c:pt>
                <c:pt idx="61">
                  <c:v>24.214588095238131</c:v>
                </c:pt>
                <c:pt idx="62">
                  <c:v>24.71785238095239</c:v>
                </c:pt>
                <c:pt idx="63">
                  <c:v>23.914680952380927</c:v>
                </c:pt>
                <c:pt idx="64">
                  <c:v>24.017161904761906</c:v>
                </c:pt>
                <c:pt idx="65">
                  <c:v>23.936504761904764</c:v>
                </c:pt>
                <c:pt idx="66">
                  <c:v>23.71775952380953</c:v>
                </c:pt>
                <c:pt idx="67">
                  <c:v>23.706249999999887</c:v>
                </c:pt>
                <c:pt idx="68">
                  <c:v>24.52639404761905</c:v>
                </c:pt>
                <c:pt idx="69">
                  <c:v>24.669245238095229</c:v>
                </c:pt>
                <c:pt idx="70">
                  <c:v>24.336408333333289</c:v>
                </c:pt>
                <c:pt idx="71">
                  <c:v>23.887800000000031</c:v>
                </c:pt>
                <c:pt idx="72">
                  <c:v>24.302478571428576</c:v>
                </c:pt>
                <c:pt idx="73">
                  <c:v>24.133836904761889</c:v>
                </c:pt>
                <c:pt idx="74">
                  <c:v>23.710216666666664</c:v>
                </c:pt>
                <c:pt idx="75">
                  <c:v>23.838589285714217</c:v>
                </c:pt>
                <c:pt idx="76">
                  <c:v>24.591266666666691</c:v>
                </c:pt>
                <c:pt idx="77">
                  <c:v>24.370630952380889</c:v>
                </c:pt>
                <c:pt idx="78">
                  <c:v>24.227479761904764</c:v>
                </c:pt>
                <c:pt idx="79">
                  <c:v>24.561809523809533</c:v>
                </c:pt>
                <c:pt idx="80">
                  <c:v>24.353570238095227</c:v>
                </c:pt>
                <c:pt idx="81">
                  <c:v>23.622221428571425</c:v>
                </c:pt>
                <c:pt idx="82">
                  <c:v>23.392360714285733</c:v>
                </c:pt>
                <c:pt idx="83">
                  <c:v>24.186905952380958</c:v>
                </c:pt>
                <c:pt idx="84">
                  <c:v>24.546226190476183</c:v>
                </c:pt>
                <c:pt idx="85">
                  <c:v>23.750496428571427</c:v>
                </c:pt>
                <c:pt idx="86">
                  <c:v>24.651290476190535</c:v>
                </c:pt>
                <c:pt idx="87">
                  <c:v>25.03353571428573</c:v>
                </c:pt>
                <c:pt idx="88">
                  <c:v>23.914482142857146</c:v>
                </c:pt>
                <c:pt idx="89">
                  <c:v>24.519246428571428</c:v>
                </c:pt>
                <c:pt idx="90">
                  <c:v>24.176782142857142</c:v>
                </c:pt>
                <c:pt idx="91">
                  <c:v>24.060316666666672</c:v>
                </c:pt>
                <c:pt idx="92">
                  <c:v>24.693154761904839</c:v>
                </c:pt>
                <c:pt idx="93">
                  <c:v>24.384522619047619</c:v>
                </c:pt>
                <c:pt idx="94">
                  <c:v>24.183338095238103</c:v>
                </c:pt>
                <c:pt idx="95">
                  <c:v>24.202085714285715</c:v>
                </c:pt>
                <c:pt idx="96">
                  <c:v>23.351977380952391</c:v>
                </c:pt>
                <c:pt idx="97">
                  <c:v>24.56280119047619</c:v>
                </c:pt>
                <c:pt idx="98">
                  <c:v>25.277872619047631</c:v>
                </c:pt>
                <c:pt idx="99">
                  <c:v>24.997121428571436</c:v>
                </c:pt>
                <c:pt idx="100">
                  <c:v>24.918161904761821</c:v>
                </c:pt>
                <c:pt idx="101">
                  <c:v>25.121727380952372</c:v>
                </c:pt>
                <c:pt idx="102">
                  <c:v>24.286805952380927</c:v>
                </c:pt>
                <c:pt idx="103">
                  <c:v>25.108530952380889</c:v>
                </c:pt>
                <c:pt idx="104">
                  <c:v>24.241269047619053</c:v>
                </c:pt>
                <c:pt idx="105">
                  <c:v>24.22787857142859</c:v>
                </c:pt>
                <c:pt idx="106">
                  <c:v>24.840078571428577</c:v>
                </c:pt>
                <c:pt idx="107">
                  <c:v>24.650896428571503</c:v>
                </c:pt>
                <c:pt idx="108">
                  <c:v>25.045141666666673</c:v>
                </c:pt>
                <c:pt idx="109">
                  <c:v>25.144341666666691</c:v>
                </c:pt>
                <c:pt idx="110">
                  <c:v>24.749405952380929</c:v>
                </c:pt>
              </c:numCache>
            </c:numRef>
          </c:val>
        </c:ser>
        <c:marker val="1"/>
        <c:axId val="61266176"/>
        <c:axId val="61280256"/>
      </c:lineChart>
      <c:catAx>
        <c:axId val="61266176"/>
        <c:scaling>
          <c:orientation val="minMax"/>
        </c:scaling>
        <c:axPos val="b"/>
        <c:numFmt formatCode="General" sourceLinked="1"/>
        <c:tickLblPos val="nextTo"/>
        <c:crossAx val="61280256"/>
        <c:crosses val="autoZero"/>
        <c:auto val="1"/>
        <c:lblAlgn val="ctr"/>
        <c:lblOffset val="100"/>
      </c:catAx>
      <c:valAx>
        <c:axId val="61280256"/>
        <c:scaling>
          <c:orientation val="minMax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266176"/>
        <c:crosses val="autoZero"/>
        <c:crossBetween val="between"/>
      </c:valAx>
    </c:plotArea>
    <c:plotVisOnly val="1"/>
  </c:chart>
  <c:spPr>
    <a:ln w="25400">
      <a:solidFill>
        <a:schemeClr val="tx1">
          <a:alpha val="66000"/>
        </a:schemeClr>
      </a:solidFill>
    </a:ln>
  </c:spPr>
  <c:externalData r:id="rId1"/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smtClean="0">
                <a:latin typeface="Times New Roman" pitchFamily="18" charset="0"/>
                <a:cs typeface="Times New Roman" pitchFamily="18" charset="0"/>
              </a:rPr>
              <a:t>Sindh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42816787607431517"/>
          <c:y val="1.2520394410158361E-4"/>
        </c:manualLayout>
      </c:layout>
      <c:overlay val="1"/>
    </c:title>
    <c:plotArea>
      <c:layout>
        <c:manualLayout>
          <c:layoutTarget val="inner"/>
          <c:xMode val="edge"/>
          <c:yMode val="edge"/>
          <c:x val="7.246361742608913E-2"/>
          <c:y val="0.11621536891222001"/>
          <c:w val="0.89396455429316179"/>
          <c:h val="0.69275803362418054"/>
        </c:manualLayout>
      </c:layout>
      <c:lineChart>
        <c:grouping val="standard"/>
        <c:ser>
          <c:idx val="0"/>
          <c:order val="0"/>
          <c:tx>
            <c:v>Annual Mean Temperature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Sindh_Temp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Sindh_Temp!$C$62:$DI$62</c:f>
              <c:numCache>
                <c:formatCode>General</c:formatCode>
                <c:ptCount val="111"/>
                <c:pt idx="0">
                  <c:v>26.171784210526322</c:v>
                </c:pt>
                <c:pt idx="1">
                  <c:v>26.710229824561271</c:v>
                </c:pt>
                <c:pt idx="2">
                  <c:v>25.757303508771841</c:v>
                </c:pt>
                <c:pt idx="3">
                  <c:v>26.339029824561319</c:v>
                </c:pt>
                <c:pt idx="4">
                  <c:v>25.819154385964911</c:v>
                </c:pt>
                <c:pt idx="5">
                  <c:v>25.980405263157813</c:v>
                </c:pt>
                <c:pt idx="6">
                  <c:v>25.82368596491229</c:v>
                </c:pt>
                <c:pt idx="7">
                  <c:v>25.651021052631595</c:v>
                </c:pt>
                <c:pt idx="8">
                  <c:v>25.55307192982464</c:v>
                </c:pt>
                <c:pt idx="9">
                  <c:v>25.505264912280698</c:v>
                </c:pt>
                <c:pt idx="10">
                  <c:v>25.595468421052711</c:v>
                </c:pt>
                <c:pt idx="11">
                  <c:v>26.270901754385967</c:v>
                </c:pt>
                <c:pt idx="12">
                  <c:v>25.700587719298245</c:v>
                </c:pt>
                <c:pt idx="13">
                  <c:v>26.004098245614035</c:v>
                </c:pt>
                <c:pt idx="14">
                  <c:v>26.342985964912291</c:v>
                </c:pt>
                <c:pt idx="15">
                  <c:v>25.772519298245516</c:v>
                </c:pt>
                <c:pt idx="16">
                  <c:v>25.515059649122787</c:v>
                </c:pt>
                <c:pt idx="17">
                  <c:v>25.522801754385963</c:v>
                </c:pt>
                <c:pt idx="18">
                  <c:v>25.652921052631591</c:v>
                </c:pt>
                <c:pt idx="19">
                  <c:v>25.921200000000002</c:v>
                </c:pt>
                <c:pt idx="20">
                  <c:v>26.406573684210532</c:v>
                </c:pt>
                <c:pt idx="21">
                  <c:v>26.16082105263159</c:v>
                </c:pt>
                <c:pt idx="22">
                  <c:v>25.672812280701663</c:v>
                </c:pt>
                <c:pt idx="23">
                  <c:v>26.023829824561304</c:v>
                </c:pt>
                <c:pt idx="24">
                  <c:v>26.036259649122787</c:v>
                </c:pt>
                <c:pt idx="25">
                  <c:v>26.016963157894875</c:v>
                </c:pt>
                <c:pt idx="26">
                  <c:v>25.681578947368415</c:v>
                </c:pt>
                <c:pt idx="27">
                  <c:v>26.384938596491221</c:v>
                </c:pt>
                <c:pt idx="28">
                  <c:v>25.685238596491189</c:v>
                </c:pt>
                <c:pt idx="29">
                  <c:v>25.804387719298333</c:v>
                </c:pt>
                <c:pt idx="30">
                  <c:v>26.53991052631579</c:v>
                </c:pt>
                <c:pt idx="31">
                  <c:v>26.665640350877101</c:v>
                </c:pt>
                <c:pt idx="32">
                  <c:v>26.332894736842135</c:v>
                </c:pt>
                <c:pt idx="33">
                  <c:v>26.235391228070174</c:v>
                </c:pt>
                <c:pt idx="34">
                  <c:v>25.7118368421052</c:v>
                </c:pt>
                <c:pt idx="35">
                  <c:v>26.172803508771889</c:v>
                </c:pt>
                <c:pt idx="36">
                  <c:v>25.840938596491227</c:v>
                </c:pt>
                <c:pt idx="37">
                  <c:v>26.067982456140346</c:v>
                </c:pt>
                <c:pt idx="38">
                  <c:v>26.057889473684231</c:v>
                </c:pt>
                <c:pt idx="39">
                  <c:v>26.45087894736843</c:v>
                </c:pt>
                <c:pt idx="40">
                  <c:v>27.03362456140351</c:v>
                </c:pt>
                <c:pt idx="41">
                  <c:v>26.344596491228064</c:v>
                </c:pt>
                <c:pt idx="42">
                  <c:v>26.294442105263059</c:v>
                </c:pt>
                <c:pt idx="43">
                  <c:v>26.134364912280816</c:v>
                </c:pt>
                <c:pt idx="44">
                  <c:v>25.863885964912331</c:v>
                </c:pt>
                <c:pt idx="45">
                  <c:v>26.450145614035076</c:v>
                </c:pt>
                <c:pt idx="46">
                  <c:v>26.717833333333289</c:v>
                </c:pt>
                <c:pt idx="47">
                  <c:v>26.476168421052733</c:v>
                </c:pt>
                <c:pt idx="48">
                  <c:v>26.35862105263158</c:v>
                </c:pt>
                <c:pt idx="49">
                  <c:v>25.586996491228064</c:v>
                </c:pt>
                <c:pt idx="50">
                  <c:v>26.443124561403486</c:v>
                </c:pt>
                <c:pt idx="51">
                  <c:v>26.484066666666664</c:v>
                </c:pt>
                <c:pt idx="52">
                  <c:v>26.905847368420989</c:v>
                </c:pt>
                <c:pt idx="53">
                  <c:v>26.590210526315786</c:v>
                </c:pt>
                <c:pt idx="54">
                  <c:v>26.364619298245589</c:v>
                </c:pt>
                <c:pt idx="55">
                  <c:v>25.854384210526312</c:v>
                </c:pt>
                <c:pt idx="56">
                  <c:v>25.817833333333329</c:v>
                </c:pt>
                <c:pt idx="57">
                  <c:v>27.01169649122809</c:v>
                </c:pt>
                <c:pt idx="58">
                  <c:v>26.431138596491227</c:v>
                </c:pt>
                <c:pt idx="59">
                  <c:v>26.180852631578929</c:v>
                </c:pt>
                <c:pt idx="60">
                  <c:v>25.827780701754385</c:v>
                </c:pt>
                <c:pt idx="61">
                  <c:v>26.193864912280809</c:v>
                </c:pt>
                <c:pt idx="62">
                  <c:v>26.769889473684209</c:v>
                </c:pt>
                <c:pt idx="63">
                  <c:v>25.942978947368427</c:v>
                </c:pt>
                <c:pt idx="64">
                  <c:v>26.12719298245614</c:v>
                </c:pt>
                <c:pt idx="65">
                  <c:v>26.293857894736842</c:v>
                </c:pt>
                <c:pt idx="66">
                  <c:v>25.87397543859662</c:v>
                </c:pt>
                <c:pt idx="67">
                  <c:v>26.111545614035091</c:v>
                </c:pt>
                <c:pt idx="68">
                  <c:v>26.909503508771785</c:v>
                </c:pt>
                <c:pt idx="69">
                  <c:v>26.568424561403489</c:v>
                </c:pt>
                <c:pt idx="70">
                  <c:v>26.338145614035092</c:v>
                </c:pt>
                <c:pt idx="71">
                  <c:v>26.152633333333188</c:v>
                </c:pt>
                <c:pt idx="72">
                  <c:v>26.30979649122807</c:v>
                </c:pt>
                <c:pt idx="73">
                  <c:v>26.274992982456144</c:v>
                </c:pt>
                <c:pt idx="74">
                  <c:v>26.039912280701689</c:v>
                </c:pt>
                <c:pt idx="75">
                  <c:v>26.222521052631503</c:v>
                </c:pt>
                <c:pt idx="76">
                  <c:v>26.926605263157889</c:v>
                </c:pt>
                <c:pt idx="77">
                  <c:v>26.240785964912273</c:v>
                </c:pt>
                <c:pt idx="78">
                  <c:v>26.336259649122809</c:v>
                </c:pt>
                <c:pt idx="79">
                  <c:v>26.708185964912285</c:v>
                </c:pt>
                <c:pt idx="80">
                  <c:v>26.579238596491226</c:v>
                </c:pt>
                <c:pt idx="81">
                  <c:v>26.165936842105133</c:v>
                </c:pt>
                <c:pt idx="82">
                  <c:v>26.060236842105102</c:v>
                </c:pt>
                <c:pt idx="83">
                  <c:v>25.969008771929719</c:v>
                </c:pt>
                <c:pt idx="84">
                  <c:v>26.444014035087719</c:v>
                </c:pt>
                <c:pt idx="85">
                  <c:v>26.134657894736851</c:v>
                </c:pt>
                <c:pt idx="86">
                  <c:v>27.049710526315717</c:v>
                </c:pt>
                <c:pt idx="87">
                  <c:v>27.310087719298366</c:v>
                </c:pt>
                <c:pt idx="88">
                  <c:v>25.95028596491229</c:v>
                </c:pt>
                <c:pt idx="89">
                  <c:v>26.272663157894733</c:v>
                </c:pt>
                <c:pt idx="90">
                  <c:v>26.136989473684231</c:v>
                </c:pt>
                <c:pt idx="91">
                  <c:v>26.166661403508765</c:v>
                </c:pt>
                <c:pt idx="92">
                  <c:v>26.935091228070185</c:v>
                </c:pt>
                <c:pt idx="93">
                  <c:v>26.238156140350874</c:v>
                </c:pt>
                <c:pt idx="94">
                  <c:v>26.417549122807017</c:v>
                </c:pt>
                <c:pt idx="95">
                  <c:v>26.260380701754372</c:v>
                </c:pt>
                <c:pt idx="96">
                  <c:v>25.64049824561404</c:v>
                </c:pt>
                <c:pt idx="97">
                  <c:v>26.83596315789487</c:v>
                </c:pt>
                <c:pt idx="98">
                  <c:v>26.766368421052707</c:v>
                </c:pt>
                <c:pt idx="99">
                  <c:v>26.733185964912291</c:v>
                </c:pt>
                <c:pt idx="100">
                  <c:v>26.793863157894837</c:v>
                </c:pt>
                <c:pt idx="101">
                  <c:v>27.077628070175429</c:v>
                </c:pt>
                <c:pt idx="102">
                  <c:v>26.907750877192903</c:v>
                </c:pt>
                <c:pt idx="103">
                  <c:v>27.51769298245614</c:v>
                </c:pt>
                <c:pt idx="104">
                  <c:v>26.402342105263024</c:v>
                </c:pt>
                <c:pt idx="105">
                  <c:v>26.572226315789429</c:v>
                </c:pt>
                <c:pt idx="106">
                  <c:v>27.339328070175426</c:v>
                </c:pt>
                <c:pt idx="107">
                  <c:v>26.870759649122789</c:v>
                </c:pt>
                <c:pt idx="108">
                  <c:v>27.709942105263089</c:v>
                </c:pt>
                <c:pt idx="109">
                  <c:v>27.656143859649124</c:v>
                </c:pt>
                <c:pt idx="110">
                  <c:v>27.032017543859642</c:v>
                </c:pt>
              </c:numCache>
            </c:numRef>
          </c:val>
        </c:ser>
        <c:marker val="1"/>
        <c:axId val="61300736"/>
        <c:axId val="61302272"/>
      </c:lineChart>
      <c:catAx>
        <c:axId val="61300736"/>
        <c:scaling>
          <c:orientation val="minMax"/>
        </c:scaling>
        <c:axPos val="b"/>
        <c:numFmt formatCode="General" sourceLinked="1"/>
        <c:tickLblPos val="nextTo"/>
        <c:crossAx val="61302272"/>
        <c:crosses val="autoZero"/>
        <c:auto val="1"/>
        <c:lblAlgn val="ctr"/>
        <c:lblOffset val="100"/>
      </c:catAx>
      <c:valAx>
        <c:axId val="61302272"/>
        <c:scaling>
          <c:orientation val="minMax"/>
          <c:min val="25"/>
        </c:scaling>
        <c:axPos val="l"/>
        <c:majorGridlines>
          <c:spPr>
            <a:ln>
              <a:gradFill>
                <a:gsLst>
                  <a:gs pos="0">
                    <a:srgbClr val="92D050"/>
                  </a:gs>
                  <a:gs pos="50000">
                    <a:srgbClr val="FFFF00">
                      <a:tint val="44500"/>
                      <a:satMod val="160000"/>
                    </a:srgbClr>
                  </a:gs>
                  <a:gs pos="100000">
                    <a:srgbClr val="FFFF00">
                      <a:tint val="23500"/>
                      <a:satMod val="160000"/>
                    </a:srgb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300736"/>
        <c:crosses val="autoZero"/>
        <c:crossBetween val="between"/>
      </c:valAx>
    </c:plotArea>
    <c:plotVisOnly val="1"/>
  </c:chart>
  <c:spPr>
    <a:ln w="25400">
      <a:solidFill>
        <a:schemeClr val="tx1">
          <a:alpha val="64000"/>
        </a:schemeClr>
      </a:solidFill>
    </a:ln>
  </c:spPr>
  <c:externalData r:id="rId1"/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>
  <c:date1904 val="1"/>
  <c:lang val="en-US"/>
  <c:chart>
    <c:title>
      <c:tx>
        <c:rich>
          <a:bodyPr/>
          <a:lstStyle/>
          <a:p>
            <a:pPr>
              <a:defRPr/>
            </a:pPr>
            <a:r>
              <a:rPr lang="en-US" dirty="0" err="1" smtClean="0">
                <a:latin typeface="Times New Roman" pitchFamily="18" charset="0"/>
                <a:cs typeface="Times New Roman" pitchFamily="18" charset="0"/>
              </a:rPr>
              <a:t>Balochistan</a:t>
            </a:r>
            <a:endParaRPr lang="en-US" dirty="0">
              <a:latin typeface="Times New Roman" pitchFamily="18" charset="0"/>
              <a:cs typeface="Times New Roman" pitchFamily="18" charset="0"/>
            </a:endParaRPr>
          </a:p>
        </c:rich>
      </c:tx>
      <c:layout>
        <c:manualLayout>
          <c:xMode val="edge"/>
          <c:yMode val="edge"/>
          <c:x val="0.3926508648891649"/>
          <c:y val="3.5601319065886177E-4"/>
        </c:manualLayout>
      </c:layout>
    </c:title>
    <c:plotArea>
      <c:layout>
        <c:manualLayout>
          <c:layoutTarget val="inner"/>
          <c:xMode val="edge"/>
          <c:yMode val="edge"/>
          <c:x val="7.8624249638698074E-2"/>
          <c:y val="0.14850721784777046"/>
          <c:w val="0.87645549160723868"/>
          <c:h val="0.65646203574731343"/>
        </c:manualLayout>
      </c:layout>
      <c:lineChart>
        <c:grouping val="standard"/>
        <c:ser>
          <c:idx val="0"/>
          <c:order val="0"/>
          <c:tx>
            <c:v>Annual Mean Temperature</c:v>
          </c:tx>
          <c:spPr>
            <a:ln>
              <a:solidFill>
                <a:schemeClr val="tx1"/>
              </a:solidFill>
            </a:ln>
          </c:spPr>
          <c:marker>
            <c:symbol val="none"/>
          </c:marker>
          <c:trendline>
            <c:spPr>
              <a:ln w="25400">
                <a:solidFill>
                  <a:schemeClr val="accent1"/>
                </a:solidFill>
              </a:ln>
            </c:spPr>
            <c:trendlineType val="linear"/>
          </c:trendline>
          <c:cat>
            <c:numRef>
              <c:f>Balochistan_Temp!$C$2:$DI$2</c:f>
              <c:numCache>
                <c:formatCode>General</c:formatCode>
                <c:ptCount val="111"/>
                <c:pt idx="0">
                  <c:v>1901</c:v>
                </c:pt>
                <c:pt idx="1">
                  <c:v>1902</c:v>
                </c:pt>
                <c:pt idx="2">
                  <c:v>1903</c:v>
                </c:pt>
                <c:pt idx="3">
                  <c:v>1904</c:v>
                </c:pt>
                <c:pt idx="4">
                  <c:v>1905</c:v>
                </c:pt>
                <c:pt idx="5">
                  <c:v>1906</c:v>
                </c:pt>
                <c:pt idx="6">
                  <c:v>1907</c:v>
                </c:pt>
                <c:pt idx="7">
                  <c:v>1908</c:v>
                </c:pt>
                <c:pt idx="8">
                  <c:v>1909</c:v>
                </c:pt>
                <c:pt idx="9">
                  <c:v>1910</c:v>
                </c:pt>
                <c:pt idx="10">
                  <c:v>1911</c:v>
                </c:pt>
                <c:pt idx="11">
                  <c:v>1912</c:v>
                </c:pt>
                <c:pt idx="12">
                  <c:v>1913</c:v>
                </c:pt>
                <c:pt idx="13">
                  <c:v>1914</c:v>
                </c:pt>
                <c:pt idx="14">
                  <c:v>1915</c:v>
                </c:pt>
                <c:pt idx="15">
                  <c:v>1916</c:v>
                </c:pt>
                <c:pt idx="16">
                  <c:v>1917</c:v>
                </c:pt>
                <c:pt idx="17">
                  <c:v>1918</c:v>
                </c:pt>
                <c:pt idx="18">
                  <c:v>1919</c:v>
                </c:pt>
                <c:pt idx="19">
                  <c:v>1920</c:v>
                </c:pt>
                <c:pt idx="20">
                  <c:v>1921</c:v>
                </c:pt>
                <c:pt idx="21">
                  <c:v>1922</c:v>
                </c:pt>
                <c:pt idx="22">
                  <c:v>1923</c:v>
                </c:pt>
                <c:pt idx="23">
                  <c:v>1924</c:v>
                </c:pt>
                <c:pt idx="24">
                  <c:v>1925</c:v>
                </c:pt>
                <c:pt idx="25">
                  <c:v>1926</c:v>
                </c:pt>
                <c:pt idx="26">
                  <c:v>1927</c:v>
                </c:pt>
                <c:pt idx="27">
                  <c:v>1928</c:v>
                </c:pt>
                <c:pt idx="28">
                  <c:v>1929</c:v>
                </c:pt>
                <c:pt idx="29">
                  <c:v>1930</c:v>
                </c:pt>
                <c:pt idx="30">
                  <c:v>1931</c:v>
                </c:pt>
                <c:pt idx="31">
                  <c:v>1932</c:v>
                </c:pt>
                <c:pt idx="32">
                  <c:v>1933</c:v>
                </c:pt>
                <c:pt idx="33">
                  <c:v>1934</c:v>
                </c:pt>
                <c:pt idx="34">
                  <c:v>1935</c:v>
                </c:pt>
                <c:pt idx="35">
                  <c:v>1936</c:v>
                </c:pt>
                <c:pt idx="36">
                  <c:v>1937</c:v>
                </c:pt>
                <c:pt idx="37">
                  <c:v>1938</c:v>
                </c:pt>
                <c:pt idx="38">
                  <c:v>1939</c:v>
                </c:pt>
                <c:pt idx="39">
                  <c:v>1940</c:v>
                </c:pt>
                <c:pt idx="40">
                  <c:v>1941</c:v>
                </c:pt>
                <c:pt idx="41">
                  <c:v>1942</c:v>
                </c:pt>
                <c:pt idx="42">
                  <c:v>1943</c:v>
                </c:pt>
                <c:pt idx="43">
                  <c:v>1944</c:v>
                </c:pt>
                <c:pt idx="44">
                  <c:v>1945</c:v>
                </c:pt>
                <c:pt idx="45">
                  <c:v>1946</c:v>
                </c:pt>
                <c:pt idx="46">
                  <c:v>1947</c:v>
                </c:pt>
                <c:pt idx="47">
                  <c:v>1948</c:v>
                </c:pt>
                <c:pt idx="48">
                  <c:v>1949</c:v>
                </c:pt>
                <c:pt idx="49">
                  <c:v>1950</c:v>
                </c:pt>
                <c:pt idx="50">
                  <c:v>1951</c:v>
                </c:pt>
                <c:pt idx="51">
                  <c:v>1952</c:v>
                </c:pt>
                <c:pt idx="52">
                  <c:v>1953</c:v>
                </c:pt>
                <c:pt idx="53">
                  <c:v>1954</c:v>
                </c:pt>
                <c:pt idx="54">
                  <c:v>1955</c:v>
                </c:pt>
                <c:pt idx="55">
                  <c:v>1956</c:v>
                </c:pt>
                <c:pt idx="56">
                  <c:v>1957</c:v>
                </c:pt>
                <c:pt idx="57">
                  <c:v>1958</c:v>
                </c:pt>
                <c:pt idx="58">
                  <c:v>1959</c:v>
                </c:pt>
                <c:pt idx="59">
                  <c:v>1960</c:v>
                </c:pt>
                <c:pt idx="60">
                  <c:v>1961</c:v>
                </c:pt>
                <c:pt idx="61">
                  <c:v>1962</c:v>
                </c:pt>
                <c:pt idx="62">
                  <c:v>1963</c:v>
                </c:pt>
                <c:pt idx="63">
                  <c:v>1964</c:v>
                </c:pt>
                <c:pt idx="64">
                  <c:v>1965</c:v>
                </c:pt>
                <c:pt idx="65">
                  <c:v>1966</c:v>
                </c:pt>
                <c:pt idx="66">
                  <c:v>1967</c:v>
                </c:pt>
                <c:pt idx="67">
                  <c:v>1968</c:v>
                </c:pt>
                <c:pt idx="68">
                  <c:v>1969</c:v>
                </c:pt>
                <c:pt idx="69">
                  <c:v>1970</c:v>
                </c:pt>
                <c:pt idx="70">
                  <c:v>1971</c:v>
                </c:pt>
                <c:pt idx="71">
                  <c:v>1972</c:v>
                </c:pt>
                <c:pt idx="72">
                  <c:v>1973</c:v>
                </c:pt>
                <c:pt idx="73">
                  <c:v>1974</c:v>
                </c:pt>
                <c:pt idx="74">
                  <c:v>1975</c:v>
                </c:pt>
                <c:pt idx="75">
                  <c:v>1976</c:v>
                </c:pt>
                <c:pt idx="76">
                  <c:v>1977</c:v>
                </c:pt>
                <c:pt idx="77">
                  <c:v>1978</c:v>
                </c:pt>
                <c:pt idx="78">
                  <c:v>1979</c:v>
                </c:pt>
                <c:pt idx="79">
                  <c:v>1980</c:v>
                </c:pt>
                <c:pt idx="80">
                  <c:v>1981</c:v>
                </c:pt>
                <c:pt idx="81">
                  <c:v>1982</c:v>
                </c:pt>
                <c:pt idx="82">
                  <c:v>1983</c:v>
                </c:pt>
                <c:pt idx="83">
                  <c:v>1984</c:v>
                </c:pt>
                <c:pt idx="84">
                  <c:v>1985</c:v>
                </c:pt>
                <c:pt idx="85">
                  <c:v>1986</c:v>
                </c:pt>
                <c:pt idx="86">
                  <c:v>1987</c:v>
                </c:pt>
                <c:pt idx="87">
                  <c:v>1988</c:v>
                </c:pt>
                <c:pt idx="88">
                  <c:v>1989</c:v>
                </c:pt>
                <c:pt idx="89">
                  <c:v>1990</c:v>
                </c:pt>
                <c:pt idx="90">
                  <c:v>1991</c:v>
                </c:pt>
                <c:pt idx="91">
                  <c:v>1992</c:v>
                </c:pt>
                <c:pt idx="92">
                  <c:v>1993</c:v>
                </c:pt>
                <c:pt idx="93">
                  <c:v>1994</c:v>
                </c:pt>
                <c:pt idx="94">
                  <c:v>1995</c:v>
                </c:pt>
                <c:pt idx="95">
                  <c:v>1996</c:v>
                </c:pt>
                <c:pt idx="96">
                  <c:v>1997</c:v>
                </c:pt>
                <c:pt idx="97">
                  <c:v>1998</c:v>
                </c:pt>
                <c:pt idx="98">
                  <c:v>1999</c:v>
                </c:pt>
                <c:pt idx="99">
                  <c:v>2000</c:v>
                </c:pt>
                <c:pt idx="100">
                  <c:v>2001</c:v>
                </c:pt>
                <c:pt idx="101">
                  <c:v>2002</c:v>
                </c:pt>
                <c:pt idx="102">
                  <c:v>2003</c:v>
                </c:pt>
                <c:pt idx="103">
                  <c:v>2004</c:v>
                </c:pt>
                <c:pt idx="104">
                  <c:v>2005</c:v>
                </c:pt>
                <c:pt idx="105">
                  <c:v>2006</c:v>
                </c:pt>
                <c:pt idx="106">
                  <c:v>2007</c:v>
                </c:pt>
                <c:pt idx="107">
                  <c:v>2008</c:v>
                </c:pt>
                <c:pt idx="108">
                  <c:v>2009</c:v>
                </c:pt>
                <c:pt idx="109">
                  <c:v>2010</c:v>
                </c:pt>
                <c:pt idx="110">
                  <c:v>2011</c:v>
                </c:pt>
              </c:numCache>
            </c:numRef>
          </c:cat>
          <c:val>
            <c:numRef>
              <c:f>Balochistan_Temp!$C$144:$DI$144</c:f>
              <c:numCache>
                <c:formatCode>General</c:formatCode>
                <c:ptCount val="111"/>
                <c:pt idx="0">
                  <c:v>21.070472857142789</c:v>
                </c:pt>
                <c:pt idx="1">
                  <c:v>21.492262857142755</c:v>
                </c:pt>
                <c:pt idx="2">
                  <c:v>20.449886428571421</c:v>
                </c:pt>
                <c:pt idx="3">
                  <c:v>21.015892857142852</c:v>
                </c:pt>
                <c:pt idx="4">
                  <c:v>20.622146428571426</c:v>
                </c:pt>
                <c:pt idx="5">
                  <c:v>20.889580714285717</c:v>
                </c:pt>
                <c:pt idx="6">
                  <c:v>20.56767928571421</c:v>
                </c:pt>
                <c:pt idx="7">
                  <c:v>20.580119999999901</c:v>
                </c:pt>
                <c:pt idx="8">
                  <c:v>20.6105957142858</c:v>
                </c:pt>
                <c:pt idx="9">
                  <c:v>20.227921428571431</c:v>
                </c:pt>
                <c:pt idx="10">
                  <c:v>20.233037142857132</c:v>
                </c:pt>
                <c:pt idx="11">
                  <c:v>21.048929285714205</c:v>
                </c:pt>
                <c:pt idx="12">
                  <c:v>20.567741428571427</c:v>
                </c:pt>
                <c:pt idx="13">
                  <c:v>20.947501428571421</c:v>
                </c:pt>
                <c:pt idx="14">
                  <c:v>21.352076428571433</c:v>
                </c:pt>
                <c:pt idx="15">
                  <c:v>20.555952142857141</c:v>
                </c:pt>
                <c:pt idx="16">
                  <c:v>20.71351142857144</c:v>
                </c:pt>
                <c:pt idx="17">
                  <c:v>20.207024285714283</c:v>
                </c:pt>
                <c:pt idx="18">
                  <c:v>20.428569285714168</c:v>
                </c:pt>
                <c:pt idx="19">
                  <c:v>20.471489285714206</c:v>
                </c:pt>
                <c:pt idx="20">
                  <c:v>21.048036428571422</c:v>
                </c:pt>
                <c:pt idx="21">
                  <c:v>21.048331428571426</c:v>
                </c:pt>
                <c:pt idx="22">
                  <c:v>20.373631428571432</c:v>
                </c:pt>
                <c:pt idx="23">
                  <c:v>20.738154285714288</c:v>
                </c:pt>
                <c:pt idx="24">
                  <c:v>20.850240714285707</c:v>
                </c:pt>
                <c:pt idx="25">
                  <c:v>20.890596428571428</c:v>
                </c:pt>
                <c:pt idx="26">
                  <c:v>20.742918571428529</c:v>
                </c:pt>
                <c:pt idx="27">
                  <c:v>21.101788571428571</c:v>
                </c:pt>
                <c:pt idx="28">
                  <c:v>20.374882142857221</c:v>
                </c:pt>
                <c:pt idx="29">
                  <c:v>20.448154285714217</c:v>
                </c:pt>
                <c:pt idx="30">
                  <c:v>20.631849285714281</c:v>
                </c:pt>
                <c:pt idx="31">
                  <c:v>20.777562142857146</c:v>
                </c:pt>
                <c:pt idx="32">
                  <c:v>20.706487857142829</c:v>
                </c:pt>
                <c:pt idx="33">
                  <c:v>20.674881428571563</c:v>
                </c:pt>
                <c:pt idx="34">
                  <c:v>20.087262142857128</c:v>
                </c:pt>
                <c:pt idx="35">
                  <c:v>20.77291714285715</c:v>
                </c:pt>
                <c:pt idx="36">
                  <c:v>20.355596428571427</c:v>
                </c:pt>
                <c:pt idx="37">
                  <c:v>20.921246428571422</c:v>
                </c:pt>
                <c:pt idx="38">
                  <c:v>20.996902142857142</c:v>
                </c:pt>
                <c:pt idx="39">
                  <c:v>21.408984999999987</c:v>
                </c:pt>
                <c:pt idx="40">
                  <c:v>22.062620714285689</c:v>
                </c:pt>
                <c:pt idx="41">
                  <c:v>21.199583571428562</c:v>
                </c:pt>
                <c:pt idx="42">
                  <c:v>20.758626428571322</c:v>
                </c:pt>
                <c:pt idx="43">
                  <c:v>20.902202857142722</c:v>
                </c:pt>
                <c:pt idx="44">
                  <c:v>20.679699999999986</c:v>
                </c:pt>
                <c:pt idx="45">
                  <c:v>21.283629999999857</c:v>
                </c:pt>
                <c:pt idx="46">
                  <c:v>21.642795000000003</c:v>
                </c:pt>
                <c:pt idx="47">
                  <c:v>21.215300714285707</c:v>
                </c:pt>
                <c:pt idx="48">
                  <c:v>20.705775714285721</c:v>
                </c:pt>
                <c:pt idx="49">
                  <c:v>19.821604285714287</c:v>
                </c:pt>
                <c:pt idx="50">
                  <c:v>20.878391428571433</c:v>
                </c:pt>
                <c:pt idx="51">
                  <c:v>20.886667142857142</c:v>
                </c:pt>
                <c:pt idx="52">
                  <c:v>21.621609999999986</c:v>
                </c:pt>
                <c:pt idx="53">
                  <c:v>20.949347142857089</c:v>
                </c:pt>
                <c:pt idx="54">
                  <c:v>20.907919285714282</c:v>
                </c:pt>
                <c:pt idx="55">
                  <c:v>20.767736428571354</c:v>
                </c:pt>
                <c:pt idx="56">
                  <c:v>20.237499285714289</c:v>
                </c:pt>
                <c:pt idx="57">
                  <c:v>21.776432142857129</c:v>
                </c:pt>
                <c:pt idx="58">
                  <c:v>21.501545000000011</c:v>
                </c:pt>
                <c:pt idx="59">
                  <c:v>20.87636357142857</c:v>
                </c:pt>
                <c:pt idx="60">
                  <c:v>20.998929285714173</c:v>
                </c:pt>
                <c:pt idx="61">
                  <c:v>20.936903571428576</c:v>
                </c:pt>
                <c:pt idx="62">
                  <c:v>21.889939285714206</c:v>
                </c:pt>
                <c:pt idx="63">
                  <c:v>20.602204999999987</c:v>
                </c:pt>
                <c:pt idx="64">
                  <c:v>21.105115714285731</c:v>
                </c:pt>
                <c:pt idx="65">
                  <c:v>21.048394285714199</c:v>
                </c:pt>
                <c:pt idx="66">
                  <c:v>21.186187142857143</c:v>
                </c:pt>
                <c:pt idx="67">
                  <c:v>20.901610714285717</c:v>
                </c:pt>
                <c:pt idx="68">
                  <c:v>21.664399285714289</c:v>
                </c:pt>
                <c:pt idx="69">
                  <c:v>21.647499285714289</c:v>
                </c:pt>
                <c:pt idx="70">
                  <c:v>21.263276428571427</c:v>
                </c:pt>
                <c:pt idx="71">
                  <c:v>20.226965714285807</c:v>
                </c:pt>
                <c:pt idx="72">
                  <c:v>21.196666428571433</c:v>
                </c:pt>
                <c:pt idx="73">
                  <c:v>20.748748571428454</c:v>
                </c:pt>
                <c:pt idx="74">
                  <c:v>20.672679999999989</c:v>
                </c:pt>
                <c:pt idx="75">
                  <c:v>20.972920000000002</c:v>
                </c:pt>
                <c:pt idx="76">
                  <c:v>21.946131428571427</c:v>
                </c:pt>
                <c:pt idx="77">
                  <c:v>21.31005785714289</c:v>
                </c:pt>
                <c:pt idx="78">
                  <c:v>20.902502142857067</c:v>
                </c:pt>
                <c:pt idx="79">
                  <c:v>21.826905000000068</c:v>
                </c:pt>
                <c:pt idx="80">
                  <c:v>21.603095714285807</c:v>
                </c:pt>
                <c:pt idx="81">
                  <c:v>20.782265000000006</c:v>
                </c:pt>
                <c:pt idx="82">
                  <c:v>21.141664999999993</c:v>
                </c:pt>
                <c:pt idx="83">
                  <c:v>21.28571428571415</c:v>
                </c:pt>
                <c:pt idx="84">
                  <c:v>21.399524285714289</c:v>
                </c:pt>
                <c:pt idx="85">
                  <c:v>20.832561428571431</c:v>
                </c:pt>
                <c:pt idx="86">
                  <c:v>21.717027142857148</c:v>
                </c:pt>
                <c:pt idx="87">
                  <c:v>22.221609999999909</c:v>
                </c:pt>
                <c:pt idx="88">
                  <c:v>20.80886857142859</c:v>
                </c:pt>
                <c:pt idx="89">
                  <c:v>21.796308571428579</c:v>
                </c:pt>
                <c:pt idx="90">
                  <c:v>21.393095714285735</c:v>
                </c:pt>
                <c:pt idx="91">
                  <c:v>21.102802142857147</c:v>
                </c:pt>
                <c:pt idx="92">
                  <c:v>21.844343571428507</c:v>
                </c:pt>
                <c:pt idx="93">
                  <c:v>21.692737857142774</c:v>
                </c:pt>
                <c:pt idx="94">
                  <c:v>21.424462857142789</c:v>
                </c:pt>
                <c:pt idx="95">
                  <c:v>21.220001428571436</c:v>
                </c:pt>
                <c:pt idx="96">
                  <c:v>21.016069285714273</c:v>
                </c:pt>
                <c:pt idx="97">
                  <c:v>22.141307857142859</c:v>
                </c:pt>
                <c:pt idx="98">
                  <c:v>22.282859285714206</c:v>
                </c:pt>
                <c:pt idx="99">
                  <c:v>22.069701428571424</c:v>
                </c:pt>
                <c:pt idx="100">
                  <c:v>22.53678857142857</c:v>
                </c:pt>
                <c:pt idx="101">
                  <c:v>22.432207857142792</c:v>
                </c:pt>
                <c:pt idx="102">
                  <c:v>22.083634285714172</c:v>
                </c:pt>
                <c:pt idx="103">
                  <c:v>22.694464285714293</c:v>
                </c:pt>
                <c:pt idx="104">
                  <c:v>22.120835714285803</c:v>
                </c:pt>
                <c:pt idx="105">
                  <c:v>22.149877142857221</c:v>
                </c:pt>
                <c:pt idx="106">
                  <c:v>22.472797142857129</c:v>
                </c:pt>
                <c:pt idx="107">
                  <c:v>22.441783571428473</c:v>
                </c:pt>
                <c:pt idx="108">
                  <c:v>22.957857142857236</c:v>
                </c:pt>
                <c:pt idx="109">
                  <c:v>23.062024285714205</c:v>
                </c:pt>
                <c:pt idx="110">
                  <c:v>22.738801226140833</c:v>
                </c:pt>
              </c:numCache>
            </c:numRef>
          </c:val>
        </c:ser>
        <c:marker val="1"/>
        <c:axId val="61318656"/>
        <c:axId val="61320192"/>
      </c:lineChart>
      <c:catAx>
        <c:axId val="61318656"/>
        <c:scaling>
          <c:orientation val="minMax"/>
        </c:scaling>
        <c:axPos val="b"/>
        <c:numFmt formatCode="General" sourceLinked="1"/>
        <c:tickLblPos val="nextTo"/>
        <c:crossAx val="61320192"/>
        <c:crosses val="autoZero"/>
        <c:auto val="1"/>
        <c:lblAlgn val="ctr"/>
        <c:lblOffset val="100"/>
      </c:catAx>
      <c:valAx>
        <c:axId val="61320192"/>
        <c:scaling>
          <c:orientation val="minMax"/>
          <c:min val="19"/>
        </c:scaling>
        <c:axPos val="l"/>
        <c:majorGridlines>
          <c:spPr>
            <a:ln>
              <a:gradFill>
                <a:gsLst>
                  <a:gs pos="0">
                    <a:schemeClr val="accent1">
                      <a:tint val="66000"/>
                      <a:satMod val="160000"/>
                    </a:schemeClr>
                  </a:gs>
                  <a:gs pos="50000">
                    <a:schemeClr val="accent1">
                      <a:tint val="44500"/>
                      <a:satMod val="160000"/>
                    </a:schemeClr>
                  </a:gs>
                  <a:gs pos="100000">
                    <a:schemeClr val="accent1">
                      <a:tint val="23500"/>
                      <a:satMod val="160000"/>
                    </a:schemeClr>
                  </a:gs>
                </a:gsLst>
                <a:lin ang="5400000" scaled="0"/>
              </a:gradFill>
              <a:prstDash val="sysDot"/>
            </a:ln>
          </c:spPr>
        </c:majorGridlines>
        <c:numFmt formatCode="General" sourceLinked="1"/>
        <c:tickLblPos val="nextTo"/>
        <c:crossAx val="61318656"/>
        <c:crosses val="autoZero"/>
        <c:crossBetween val="between"/>
        <c:majorUnit val="0.5"/>
      </c:valAx>
    </c:plotArea>
    <c:plotVisOnly val="1"/>
  </c:chart>
  <c:spPr>
    <a:ln w="25400">
      <a:solidFill>
        <a:schemeClr val="tx1"/>
      </a:solidFill>
    </a:ln>
  </c:spPr>
  <c:externalData r:id="rId1"/>
</c:chartSpace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7586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4029075" cy="342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0" hangingPunct="0">
              <a:defRPr sz="12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7587" name="Rectangle 3"/>
          <p:cNvSpPr>
            <a:spLocks noGrp="1" noChangeArrowheads="1"/>
          </p:cNvSpPr>
          <p:nvPr>
            <p:ph type="dt" sz="quarter" idx="1"/>
          </p:nvPr>
        </p:nvSpPr>
        <p:spPr bwMode="auto">
          <a:xfrm>
            <a:off x="5267325" y="0"/>
            <a:ext cx="4029075" cy="342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0" hangingPunct="0">
              <a:defRPr sz="12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7588" name="Rectangle 4"/>
          <p:cNvSpPr>
            <a:spLocks noGrp="1" noChangeArrowheads="1"/>
          </p:cNvSpPr>
          <p:nvPr>
            <p:ph type="ftr" sz="quarter" idx="2"/>
          </p:nvPr>
        </p:nvSpPr>
        <p:spPr bwMode="auto">
          <a:xfrm>
            <a:off x="0" y="6515100"/>
            <a:ext cx="4029075" cy="342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eaLnBrk="0" hangingPunct="0">
              <a:defRPr sz="12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7589" name="Rectangle 5"/>
          <p:cNvSpPr>
            <a:spLocks noGrp="1" noChangeArrowheads="1"/>
          </p:cNvSpPr>
          <p:nvPr>
            <p:ph type="sldNum" sz="quarter" idx="3"/>
          </p:nvPr>
        </p:nvSpPr>
        <p:spPr bwMode="auto">
          <a:xfrm>
            <a:off x="5267325" y="6515100"/>
            <a:ext cx="4029075" cy="342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0" hangingPunct="0">
              <a:defRPr sz="12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fld id="{4CB1B4E7-E0C6-4FFA-A82E-0A9E0E14B701}" type="slidenum">
              <a:rPr lang="en-GB"/>
              <a:pPr>
                <a:defRPr/>
              </a:pPr>
              <a:t>‹#›</a:t>
            </a:fld>
            <a:endParaRPr lang="en-GB"/>
          </a:p>
        </p:txBody>
      </p:sp>
    </p:spTree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482" name="Rectangle 2"/>
          <p:cNvSpPr>
            <a:spLocks noGrp="1" noChangeArrowheads="1"/>
          </p:cNvSpPr>
          <p:nvPr>
            <p:ph type="hdr" sz="quarter"/>
          </p:nvPr>
        </p:nvSpPr>
        <p:spPr bwMode="auto">
          <a:xfrm>
            <a:off x="0" y="0"/>
            <a:ext cx="4029075" cy="342900"/>
          </a:xfrm>
          <a:prstGeom prst="rect">
            <a:avLst/>
          </a:prstGeom>
          <a:noFill/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0" hangingPunct="0">
              <a:defRPr sz="12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endParaRPr lang="en-US" altLang="zh-CN"/>
          </a:p>
        </p:txBody>
      </p:sp>
      <p:sp>
        <p:nvSpPr>
          <p:cNvPr id="20483" name="Rectangle 3"/>
          <p:cNvSpPr>
            <a:spLocks noGrp="1" noChangeArrowheads="1"/>
          </p:cNvSpPr>
          <p:nvPr>
            <p:ph type="dt" idx="1"/>
          </p:nvPr>
        </p:nvSpPr>
        <p:spPr bwMode="auto">
          <a:xfrm>
            <a:off x="5267325" y="0"/>
            <a:ext cx="4029075" cy="342900"/>
          </a:xfrm>
          <a:prstGeom prst="rect">
            <a:avLst/>
          </a:prstGeom>
          <a:noFill/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0" hangingPunct="0">
              <a:defRPr sz="12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endParaRPr lang="en-US" altLang="zh-CN"/>
          </a:p>
        </p:txBody>
      </p:sp>
      <p:sp>
        <p:nvSpPr>
          <p:cNvPr id="108548" name="Rectangle 4"/>
          <p:cNvSpPr>
            <a:spLocks noGrp="1" noRot="1" noChangeAspect="1" noChangeArrowheads="1" noTextEdit="1"/>
          </p:cNvSpPr>
          <p:nvPr>
            <p:ph type="sldImg" idx="2"/>
          </p:nvPr>
        </p:nvSpPr>
        <p:spPr bwMode="auto">
          <a:xfrm>
            <a:off x="2933700" y="514350"/>
            <a:ext cx="3429000" cy="257175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sp>
      <p:sp>
        <p:nvSpPr>
          <p:cNvPr id="20485" name="Rectangle 5"/>
          <p:cNvSpPr>
            <a:spLocks noGrp="1" noChangeArrowheads="1"/>
          </p:cNvSpPr>
          <p:nvPr>
            <p:ph type="body" sz="quarter" idx="3"/>
          </p:nvPr>
        </p:nvSpPr>
        <p:spPr bwMode="auto">
          <a:xfrm>
            <a:off x="1239838" y="3257550"/>
            <a:ext cx="6816725" cy="3086100"/>
          </a:xfrm>
          <a:prstGeom prst="rect">
            <a:avLst/>
          </a:prstGeom>
          <a:noFill/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zh-CN" noProof="0" smtClean="0"/>
              <a:t>Click to edit Master text styles</a:t>
            </a:r>
          </a:p>
          <a:p>
            <a:pPr lvl="1"/>
            <a:r>
              <a:rPr lang="en-US" altLang="zh-CN" noProof="0" smtClean="0"/>
              <a:t>Second level</a:t>
            </a:r>
          </a:p>
          <a:p>
            <a:pPr lvl="2"/>
            <a:r>
              <a:rPr lang="en-US" altLang="zh-CN" noProof="0" smtClean="0"/>
              <a:t>Third level</a:t>
            </a:r>
          </a:p>
          <a:p>
            <a:pPr lvl="3"/>
            <a:r>
              <a:rPr lang="en-US" altLang="zh-CN" noProof="0" smtClean="0"/>
              <a:t>Fourth level</a:t>
            </a:r>
          </a:p>
          <a:p>
            <a:pPr lvl="4"/>
            <a:r>
              <a:rPr lang="en-US" altLang="zh-CN" noProof="0" smtClean="0"/>
              <a:t>Fifth level</a:t>
            </a:r>
          </a:p>
        </p:txBody>
      </p:sp>
      <p:sp>
        <p:nvSpPr>
          <p:cNvPr id="20486" name="Rectangle 6"/>
          <p:cNvSpPr>
            <a:spLocks noGrp="1" noChangeArrowheads="1"/>
          </p:cNvSpPr>
          <p:nvPr>
            <p:ph type="ftr" sz="quarter" idx="4"/>
          </p:nvPr>
        </p:nvSpPr>
        <p:spPr bwMode="auto">
          <a:xfrm>
            <a:off x="0" y="6515100"/>
            <a:ext cx="4029075" cy="342900"/>
          </a:xfrm>
          <a:prstGeom prst="rect">
            <a:avLst/>
          </a:prstGeom>
          <a:noFill/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eaLnBrk="0" hangingPunct="0">
              <a:defRPr sz="12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endParaRPr lang="en-US" altLang="zh-CN"/>
          </a:p>
        </p:txBody>
      </p:sp>
      <p:sp>
        <p:nvSpPr>
          <p:cNvPr id="20487" name="Rectangle 7"/>
          <p:cNvSpPr>
            <a:spLocks noGrp="1" noChangeArrowheads="1"/>
          </p:cNvSpPr>
          <p:nvPr>
            <p:ph type="sldNum" sz="quarter" idx="5"/>
          </p:nvPr>
        </p:nvSpPr>
        <p:spPr bwMode="auto">
          <a:xfrm>
            <a:off x="5267325" y="6515100"/>
            <a:ext cx="4029075" cy="342900"/>
          </a:xfrm>
          <a:prstGeom prst="rect">
            <a:avLst/>
          </a:prstGeom>
          <a:noFill/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>
            <a:lvl1pPr algn="r" eaLnBrk="0" hangingPunct="0">
              <a:defRPr sz="12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fld id="{47F45425-F916-4AAB-BBA0-EBB4D780A2D7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Arial" charset="0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Arial" charset="0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Arial" charset="0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Arial" charset="0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Times New Roman" pitchFamily="18" charset="0"/>
        <a:ea typeface="+mn-ea"/>
        <a:cs typeface="Arial" charset="0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_rels/notesSlide2.xml.rels><?xml version="1.0" encoding="UTF-8" standalone="yes"?>
<Relationships xmlns="http://schemas.openxmlformats.org/package/2006/relationships"><Relationship Id="rId2" Type="http://schemas.openxmlformats.org/officeDocument/2006/relationships/slide" Target="../slides/slide5.xml"/><Relationship Id="rId1" Type="http://schemas.openxmlformats.org/officeDocument/2006/relationships/notesMaster" Target="../notesMasters/notesMaster1.xml"/></Relationships>
</file>

<file path=ppt/notesSlides/_rels/notesSlide3.xml.rels><?xml version="1.0" encoding="UTF-8" standalone="yes"?>
<Relationships xmlns="http://schemas.openxmlformats.org/package/2006/relationships"><Relationship Id="rId2" Type="http://schemas.openxmlformats.org/officeDocument/2006/relationships/slide" Target="../slides/slide7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13666" name="Rectangle 7"/>
          <p:cNvSpPr>
            <a:spLocks noGrp="1" noChangeArrowheads="1"/>
          </p:cNvSpPr>
          <p:nvPr>
            <p:ph type="sldNum" sz="quarter" idx="5"/>
          </p:nvPr>
        </p:nvSpPr>
        <p:spPr>
          <a:noFill/>
        </p:spPr>
        <p:txBody>
          <a:bodyPr/>
          <a:lstStyle/>
          <a:p>
            <a:fld id="{E1C82959-6E5F-46F3-B21D-62A4D7066EFB}" type="slidenum">
              <a:rPr lang="en-US" smtClean="0">
                <a:cs typeface="Arial" pitchFamily="34" charset="0"/>
              </a:rPr>
              <a:pPr/>
              <a:t>2</a:t>
            </a:fld>
            <a:endParaRPr lang="en-US" smtClean="0">
              <a:cs typeface="Arial" pitchFamily="34" charset="0"/>
            </a:endParaRPr>
          </a:p>
        </p:txBody>
      </p:sp>
      <p:sp>
        <p:nvSpPr>
          <p:cNvPr id="113667" name="Rectangle 2"/>
          <p:cNvSpPr>
            <a:spLocks noGrp="1" noRot="1" noChangeAspect="1" noChangeArrowheads="1" noTextEdit="1"/>
          </p:cNvSpPr>
          <p:nvPr>
            <p:ph type="sldImg"/>
          </p:nvPr>
        </p:nvSpPr>
        <p:spPr>
          <a:ln/>
        </p:spPr>
      </p:sp>
      <p:sp>
        <p:nvSpPr>
          <p:cNvPr id="113668" name="Rectangle 3"/>
          <p:cNvSpPr>
            <a:spLocks noGrp="1" noChangeArrowheads="1"/>
          </p:cNvSpPr>
          <p:nvPr>
            <p:ph type="body" idx="1"/>
          </p:nvPr>
        </p:nvSpPr>
        <p:spPr>
          <a:noFill/>
          <a:ln w="9525"/>
        </p:spPr>
        <p:txBody>
          <a:bodyPr/>
          <a:lstStyle/>
          <a:p>
            <a:pPr eaLnBrk="1" hangingPunct="1"/>
            <a:endParaRPr lang="en-US" smtClean="0">
              <a:cs typeface="Arial" pitchFamily="34" charset="0"/>
            </a:endParaRPr>
          </a:p>
        </p:txBody>
      </p:sp>
    </p:spTree>
  </p:cSld>
  <p:clrMapOvr>
    <a:masterClrMapping/>
  </p:clrMapOvr>
</p:notes>
</file>

<file path=ppt/notesSlides/notesSlide2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Rectangle 7"/>
          <p:cNvSpPr>
            <a:spLocks noGrp="1" noChangeArrowheads="1"/>
          </p:cNvSpPr>
          <p:nvPr>
            <p:ph type="sldNum" sz="quarter" idx="5"/>
          </p:nvPr>
        </p:nvSpPr>
        <p:spPr>
          <a:ln/>
        </p:spPr>
        <p:txBody>
          <a:bodyPr/>
          <a:lstStyle/>
          <a:p>
            <a:fld id="{CC4A6B54-8FB5-44C6-A5DB-E5401B0BA7A3}" type="slidenum">
              <a:rPr lang="en-US"/>
              <a:pPr/>
              <a:t>5</a:t>
            </a:fld>
            <a:endParaRPr lang="en-US"/>
          </a:p>
        </p:txBody>
      </p:sp>
      <p:sp>
        <p:nvSpPr>
          <p:cNvPr id="726018" name="Slide Image Placeholder 1"/>
          <p:cNvSpPr>
            <a:spLocks noGrp="1" noRot="1" noChangeAspect="1" noTextEdit="1"/>
          </p:cNvSpPr>
          <p:nvPr>
            <p:ph type="sldImg"/>
          </p:nvPr>
        </p:nvSpPr>
        <p:spPr>
          <a:ln/>
        </p:spPr>
      </p:sp>
      <p:sp>
        <p:nvSpPr>
          <p:cNvPr id="726019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endParaRPr lang="en-GB"/>
          </a:p>
        </p:txBody>
      </p:sp>
      <p:sp>
        <p:nvSpPr>
          <p:cNvPr id="726020" name="Slide Number Placeholder 3"/>
          <p:cNvSpPr txBox="1">
            <a:spLocks noGrp="1"/>
          </p:cNvSpPr>
          <p:nvPr/>
        </p:nvSpPr>
        <p:spPr bwMode="auto">
          <a:xfrm>
            <a:off x="5267325" y="6515100"/>
            <a:ext cx="4029075" cy="3429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anchor="b"/>
          <a:lstStyle/>
          <a:p>
            <a:pPr algn="r" eaLnBrk="0" hangingPunct="0"/>
            <a:fld id="{4B9FEA2E-7435-421B-945B-2745EB87D70D}" type="slidenum">
              <a:rPr lang="en-US" sz="1200">
                <a:solidFill>
                  <a:schemeClr val="bg1"/>
                </a:solidFill>
                <a:latin typeface="Comic Sans MS" pitchFamily="66" charset="0"/>
              </a:rPr>
              <a:pPr algn="r" eaLnBrk="0" hangingPunct="0"/>
              <a:t>5</a:t>
            </a:fld>
            <a:endParaRPr lang="en-US" sz="1200">
              <a:solidFill>
                <a:schemeClr val="bg1"/>
              </a:solidFill>
              <a:latin typeface="Comic Sans MS" pitchFamily="66" charset="0"/>
            </a:endParaRPr>
          </a:p>
        </p:txBody>
      </p:sp>
    </p:spTree>
  </p:cSld>
  <p:clrMapOvr>
    <a:masterClrMapping/>
  </p:clrMapOvr>
</p:notes>
</file>

<file path=ppt/notesSlides/notesSlide3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The Climate Risk Index indicates a level of exposure and vulnerability to extreme events which countries should see as a warning signal to prepare for more frequent or more severe events in the future.</a:t>
            </a:r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52464D84-1520-421A-86E6-5E9B9DD05B3E}" type="slidenum">
              <a:rPr lang="en-US" smtClean="0"/>
              <a:pPr/>
              <a:t>7</a:t>
            </a:fld>
            <a:endParaRPr lang="en-US"/>
          </a:p>
        </p:txBody>
      </p:sp>
    </p:spTree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2"/>
          <p:cNvSpPr>
            <a:spLocks noChangeArrowheads="1"/>
          </p:cNvSpPr>
          <p:nvPr/>
        </p:nvSpPr>
        <p:spPr bwMode="auto">
          <a:xfrm rot="2771266">
            <a:off x="3325813" y="325438"/>
            <a:ext cx="6172200" cy="5937250"/>
          </a:xfrm>
          <a:prstGeom prst="rect">
            <a:avLst/>
          </a:prstGeom>
          <a:gradFill rotWithShape="0">
            <a:gsLst>
              <a:gs pos="0">
                <a:srgbClr val="000066"/>
              </a:gs>
              <a:gs pos="100000">
                <a:srgbClr val="3366FF"/>
              </a:gs>
            </a:gsLst>
            <a:lin ang="2700000" scaled="1"/>
          </a:gradFill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Tahoma" charset="0"/>
              <a:cs typeface="Arial" charset="0"/>
            </a:endParaRPr>
          </a:p>
        </p:txBody>
      </p:sp>
      <p:sp>
        <p:nvSpPr>
          <p:cNvPr id="5" name="Rectangle 8"/>
          <p:cNvSpPr>
            <a:spLocks noChangeArrowheads="1"/>
          </p:cNvSpPr>
          <p:nvPr/>
        </p:nvSpPr>
        <p:spPr bwMode="auto">
          <a:xfrm>
            <a:off x="0" y="6684963"/>
            <a:ext cx="8686800" cy="173037"/>
          </a:xfrm>
          <a:prstGeom prst="rect">
            <a:avLst/>
          </a:prstGeom>
          <a:gradFill rotWithShape="0">
            <a:gsLst>
              <a:gs pos="0">
                <a:srgbClr val="FFFF00">
                  <a:gamma/>
                  <a:shade val="46275"/>
                  <a:invGamma/>
                </a:srgbClr>
              </a:gs>
              <a:gs pos="50000">
                <a:srgbClr val="FFFF00"/>
              </a:gs>
              <a:gs pos="100000">
                <a:srgbClr val="FFFF00">
                  <a:gamma/>
                  <a:shade val="46275"/>
                  <a:invGamma/>
                </a:srgbClr>
              </a:gs>
            </a:gsLst>
            <a:lin ang="5400000" scaled="1"/>
          </a:gradFill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Tahoma" charset="0"/>
              <a:cs typeface="Arial" charset="0"/>
            </a:endParaRPr>
          </a:p>
        </p:txBody>
      </p:sp>
      <p:sp>
        <p:nvSpPr>
          <p:cNvPr id="506883" name="Rectangle 3"/>
          <p:cNvSpPr>
            <a:spLocks noGrp="1" noChangeArrowheads="1"/>
          </p:cNvSpPr>
          <p:nvPr>
            <p:ph type="ctrTitle"/>
          </p:nvPr>
        </p:nvSpPr>
        <p:spPr>
          <a:xfrm>
            <a:off x="685800" y="2133600"/>
            <a:ext cx="77724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altLang="zh-CN"/>
              <a:t>Science of Climate</a:t>
            </a:r>
            <a:br>
              <a:rPr lang="en-US" altLang="zh-CN"/>
            </a:br>
            <a:endParaRPr lang="en-US" altLang="zh-CN"/>
          </a:p>
        </p:txBody>
      </p:sp>
      <p:sp>
        <p:nvSpPr>
          <p:cNvPr id="506884" name="Rectangle 4"/>
          <p:cNvSpPr>
            <a:spLocks noGrp="1" noChangeArrowheads="1"/>
          </p:cNvSpPr>
          <p:nvPr>
            <p:ph type="subTitle" idx="1"/>
          </p:nvPr>
        </p:nvSpPr>
        <p:spPr>
          <a:xfrm>
            <a:off x="1447800" y="3886200"/>
            <a:ext cx="6400800" cy="1752600"/>
          </a:xfrm>
        </p:spPr>
        <p:txBody>
          <a:bodyPr/>
          <a:lstStyle>
            <a:lvl1pPr marL="0" indent="0" algn="ctr">
              <a:defRPr sz="1800"/>
            </a:lvl1pPr>
          </a:lstStyle>
          <a:p>
            <a:r>
              <a:rPr lang="en-US" altLang="zh-CN"/>
              <a:t>Promotion of Renewable energy, Energy efficiency </a:t>
            </a:r>
          </a:p>
          <a:p>
            <a:r>
              <a:rPr lang="en-US" altLang="zh-CN"/>
              <a:t>and Greenhouse gas Abatement </a:t>
            </a:r>
          </a:p>
          <a:p>
            <a:r>
              <a:rPr lang="en-US" altLang="zh-CN"/>
              <a:t>(RETA # 5720 PREGA)</a:t>
            </a:r>
          </a:p>
          <a:p>
            <a:endParaRPr lang="zh-CN" alt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dt" sz="half" idx="10"/>
          </p:nvPr>
        </p:nvSpPr>
        <p:spPr>
          <a:xfrm>
            <a:off x="685800" y="6248400"/>
            <a:ext cx="1905000" cy="457200"/>
          </a:xfrm>
        </p:spPr>
        <p:txBody>
          <a:bodyPr/>
          <a:lstStyle>
            <a:lvl1pPr>
              <a:defRPr>
                <a:solidFill>
                  <a:srgbClr val="CCECFF"/>
                </a:solidFill>
                <a:ea typeface="宋体" pitchFamily="2" charset="-122"/>
              </a:defRPr>
            </a:lvl1pPr>
          </a:lstStyle>
          <a:p>
            <a:pPr>
              <a:defRPr/>
            </a:pPr>
            <a:endParaRPr lang="en-US" altLang="zh-CN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ftr" sz="quarter" idx="11"/>
          </p:nvPr>
        </p:nvSpPr>
        <p:spPr>
          <a:xfrm>
            <a:off x="3124200" y="6248400"/>
            <a:ext cx="2895600" cy="457200"/>
          </a:xfrm>
        </p:spPr>
        <p:txBody>
          <a:bodyPr/>
          <a:lstStyle>
            <a:lvl1pPr>
              <a:defRPr>
                <a:solidFill>
                  <a:srgbClr val="CCECFF"/>
                </a:solidFill>
                <a:ea typeface="宋体" pitchFamily="2" charset="-122"/>
              </a:defRPr>
            </a:lvl1pPr>
          </a:lstStyle>
          <a:p>
            <a:pPr>
              <a:defRPr/>
            </a:pPr>
            <a:endParaRPr lang="en-US" altLang="zh-CN"/>
          </a:p>
        </p:txBody>
      </p:sp>
      <p:sp>
        <p:nvSpPr>
          <p:cNvPr id="8" name="Rectangle 7"/>
          <p:cNvSpPr>
            <a:spLocks noGrp="1" noChangeArrowheads="1"/>
          </p:cNvSpPr>
          <p:nvPr>
            <p:ph type="sldNum" sz="quarter" idx="12"/>
          </p:nvPr>
        </p:nvSpPr>
        <p:spPr>
          <a:xfrm>
            <a:off x="6172200" y="6248400"/>
            <a:ext cx="1905000" cy="457200"/>
          </a:xfrm>
        </p:spPr>
        <p:txBody>
          <a:bodyPr/>
          <a:lstStyle>
            <a:lvl1pPr>
              <a:defRPr>
                <a:solidFill>
                  <a:srgbClr val="CCECFF"/>
                </a:solidFill>
              </a:defRPr>
            </a:lvl1pPr>
          </a:lstStyle>
          <a:p>
            <a:pPr>
              <a:defRPr/>
            </a:pPr>
            <a:fld id="{7395C41C-8534-4F6D-8870-E8B81198FDA7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70D3C60-4BFC-4732-AB7A-914A6B2C350C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515100" y="152400"/>
            <a:ext cx="1943100" cy="5715000"/>
          </a:xfrm>
        </p:spPr>
        <p:txBody>
          <a:bodyPr vert="eaVert"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685800" y="152400"/>
            <a:ext cx="5676900" cy="5715000"/>
          </a:xfrm>
        </p:spPr>
        <p:txBody>
          <a:bodyPr vert="eaVert"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2DB0C27-185C-4536-BECA-26C6B0099D0A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type="txAndObj" preserve="1">
  <p:cSld name="Title, Text,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00200" y="152400"/>
            <a:ext cx="6477000" cy="10668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85800" y="1752600"/>
            <a:ext cx="3810000" cy="4114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52600"/>
            <a:ext cx="3810000" cy="4114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B61E84E-CE95-466E-BE95-860F1B8B14A2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type="txOverObj" preserve="1">
  <p:cSld name="Title and Text over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00200" y="152400"/>
            <a:ext cx="6477000" cy="10668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sz="half" idx="1"/>
          </p:nvPr>
        </p:nvSpPr>
        <p:spPr>
          <a:xfrm>
            <a:off x="685800" y="1752600"/>
            <a:ext cx="7772400" cy="19812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85800" y="3886200"/>
            <a:ext cx="7772400" cy="19812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F02DE6F-B58B-49B1-87F6-940E3F70278B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type="tbl" preserve="1">
  <p:cSld name="Title and Tabl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00200" y="152400"/>
            <a:ext cx="6477000" cy="10668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able Placeholder 2"/>
          <p:cNvSpPr>
            <a:spLocks noGrp="1"/>
          </p:cNvSpPr>
          <p:nvPr>
            <p:ph type="tbl" idx="1"/>
          </p:nvPr>
        </p:nvSpPr>
        <p:spPr>
          <a:xfrm>
            <a:off x="685800" y="1752600"/>
            <a:ext cx="7772400" cy="4114800"/>
          </a:xfrm>
        </p:spPr>
        <p:txBody>
          <a:bodyPr/>
          <a:lstStyle/>
          <a:p>
            <a:pPr lvl="0"/>
            <a:endParaRPr lang="en-US" noProof="0" smtClean="0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C5C19D8-64EF-45AC-88A6-389802B3D181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15.xml><?xml version="1.0" encoding="utf-8"?>
<p:sldLayout xmlns:a="http://schemas.openxmlformats.org/drawingml/2006/main" xmlns:r="http://schemas.openxmlformats.org/officeDocument/2006/relationships" xmlns:p="http://schemas.openxmlformats.org/presentationml/2006/main" type="objOnly" preserve="1">
  <p:cSld name="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/>
          </p:nvPr>
        </p:nvSpPr>
        <p:spPr>
          <a:xfrm>
            <a:off x="685800" y="152400"/>
            <a:ext cx="7772400" cy="57150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C6E3D231-0BF7-4844-BC1C-9C260D8BB320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16.xml><?xml version="1.0" encoding="utf-8"?>
<p:sldLayout xmlns:a="http://schemas.openxmlformats.org/drawingml/2006/main" xmlns:r="http://schemas.openxmlformats.org/officeDocument/2006/relationships" xmlns:p="http://schemas.openxmlformats.org/presentationml/2006/main" type="fourObj" preserve="1">
  <p:cSld name="Title and 4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sz="quarter"/>
          </p:nvPr>
        </p:nvSpPr>
        <p:spPr>
          <a:xfrm>
            <a:off x="1600200" y="152400"/>
            <a:ext cx="6477000" cy="10668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685800" y="1752600"/>
            <a:ext cx="3810000" cy="19812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752600"/>
            <a:ext cx="3810000" cy="19812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685800" y="3886200"/>
            <a:ext cx="3810000" cy="19812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8200" y="3886200"/>
            <a:ext cx="3810000" cy="19812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8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9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9ED0429B-40F1-4E04-93F9-0354071F1605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17.xml><?xml version="1.0" encoding="utf-8"?>
<p:sldLayout xmlns:a="http://schemas.openxmlformats.org/drawingml/2006/main" xmlns:r="http://schemas.openxmlformats.org/officeDocument/2006/relationships" xmlns:p="http://schemas.openxmlformats.org/presentationml/2006/main" type="objAndTwoObj" preserve="1">
  <p:cSld name="Title, Content, and 2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600200" y="152400"/>
            <a:ext cx="6477000" cy="1066800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752600"/>
            <a:ext cx="3810000" cy="41148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2"/>
          </p:nvPr>
        </p:nvSpPr>
        <p:spPr>
          <a:xfrm>
            <a:off x="4648200" y="1752600"/>
            <a:ext cx="3810000" cy="19812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Content Placeholder 4"/>
          <p:cNvSpPr>
            <a:spLocks noGrp="1"/>
          </p:cNvSpPr>
          <p:nvPr>
            <p:ph sz="quarter" idx="3"/>
          </p:nvPr>
        </p:nvSpPr>
        <p:spPr>
          <a:xfrm>
            <a:off x="4648200" y="3886200"/>
            <a:ext cx="3810000" cy="1981200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6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7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8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DA484EBA-6425-4CBD-8B22-38507CFE08B8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18.xml><?xml version="1.0" encoding="utf-8"?>
<p:sldLayout xmlns:a="http://schemas.openxmlformats.org/drawingml/2006/main" xmlns:r="http://schemas.openxmlformats.org/officeDocument/2006/relationships" xmlns:p="http://schemas.openxmlformats.org/presentationml/2006/main" type="chart">
  <p:cSld name="Title and Char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74675" y="304800"/>
            <a:ext cx="8001000" cy="1216025"/>
          </a:xfrm>
        </p:spPr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hart Placeholder 2"/>
          <p:cNvSpPr>
            <a:spLocks noGrp="1"/>
          </p:cNvSpPr>
          <p:nvPr>
            <p:ph type="chart" idx="1"/>
          </p:nvPr>
        </p:nvSpPr>
        <p:spPr>
          <a:xfrm>
            <a:off x="566738" y="1752600"/>
            <a:ext cx="8001000" cy="4267200"/>
          </a:xfrm>
        </p:spPr>
        <p:txBody>
          <a:bodyPr/>
          <a:lstStyle/>
          <a:p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>
          <a:xfrm>
            <a:off x="609600" y="6245225"/>
            <a:ext cx="1981200" cy="476250"/>
          </a:xfrm>
        </p:spPr>
        <p:txBody>
          <a:bodyPr/>
          <a:lstStyle>
            <a:lvl1pPr>
              <a:defRPr/>
            </a:lvl1pPr>
          </a:lstStyle>
          <a:p>
            <a:endParaRPr lang="en-US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>
          <a:xfrm>
            <a:off x="3124200" y="6245225"/>
            <a:ext cx="2895600" cy="476250"/>
          </a:xfrm>
        </p:spPr>
        <p:txBody>
          <a:bodyPr/>
          <a:lstStyle>
            <a:lvl1pPr>
              <a:defRPr/>
            </a:lvl1pPr>
          </a:lstStyle>
          <a:p>
            <a:endParaRPr lang="en-US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>
          <a:xfrm>
            <a:off x="6553200" y="6245225"/>
            <a:ext cx="1981200" cy="476250"/>
          </a:xfrm>
        </p:spPr>
        <p:txBody>
          <a:bodyPr/>
          <a:lstStyle>
            <a:lvl1pPr>
              <a:defRPr/>
            </a:lvl1pPr>
          </a:lstStyle>
          <a:p>
            <a:fld id="{F8ED1972-C20A-4829-B836-6961F19FCE41}" type="slidenum">
              <a:rPr lang="en-US"/>
              <a:pPr/>
              <a:t>‹#›</a:t>
            </a:fld>
            <a:endParaRPr lang="en-US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51B233C7-3954-47CA-8030-ABB519F0CFD7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E470390E-FC21-4032-BBC2-46309712B4BF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685800" y="17526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752600"/>
            <a:ext cx="3810000" cy="4114800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68A5FA62-3747-4A5F-82B0-B1A456ECE8BA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</p:spPr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7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8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9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7FFE22CF-2A93-4DD3-B49F-D1E7DEDB1701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4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A1239353-AC2C-4D09-A2D8-2BF968AAE828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3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4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CE8DFCF-9344-43B5-85A7-CCD1DFE62E25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8BF20D9B-82CB-4097-8525-D172E35EAEAB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/>
          <a:lstStyle>
            <a:lvl1pPr algn="l">
              <a:defRPr sz="2000" b="1"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US" noProof="0" smtClean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Rectangle 5"/>
          <p:cNvSpPr>
            <a:spLocks noGrp="1" noChangeArrowheads="1"/>
          </p:cNvSpPr>
          <p:nvPr>
            <p:ph type="dt" sz="half" idx="10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6" name="Rectangle 6"/>
          <p:cNvSpPr>
            <a:spLocks noGrp="1" noChangeArrowheads="1"/>
          </p:cNvSpPr>
          <p:nvPr>
            <p:ph type="ftr" sz="quarter" idx="11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7" name="Rectangle 7"/>
          <p:cNvSpPr>
            <a:spLocks noGrp="1" noChangeArrowheads="1"/>
          </p:cNvSpPr>
          <p:nvPr>
            <p:ph type="sldNum" sz="quarter" idx="12"/>
          </p:nvPr>
        </p:nvSpPr>
        <p:spPr>
          <a:ln/>
        </p:spPr>
        <p:txBody>
          <a:bodyPr/>
          <a:lstStyle>
            <a:lvl1pPr>
              <a:defRPr/>
            </a:lvl1pPr>
          </a:lstStyle>
          <a:p>
            <a:pPr>
              <a:defRPr/>
            </a:pPr>
            <a:fld id="{43F0B8A2-0F74-4CB6-AD14-F04A88E7EFFB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</p:spTree>
  </p:cSld>
  <p:clrMapOvr>
    <a:masterClrMapping/>
  </p:clrMapOvr>
  <p:transition spd="med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18" Type="http://schemas.openxmlformats.org/officeDocument/2006/relationships/slideLayout" Target="../slideLayouts/slideLayout1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slideLayout" Target="../slideLayouts/slideLayout17.xml"/><Relationship Id="rId2" Type="http://schemas.openxmlformats.org/officeDocument/2006/relationships/slideLayout" Target="../slideLayouts/slideLayout2.xml"/><Relationship Id="rId16" Type="http://schemas.openxmlformats.org/officeDocument/2006/relationships/slideLayout" Target="../slideLayouts/slideLayout16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slideLayout" Target="../slideLayouts/slideLayout15.xml"/><Relationship Id="rId10" Type="http://schemas.openxmlformats.org/officeDocument/2006/relationships/slideLayout" Target="../slideLayouts/slideLayout10.xml"/><Relationship Id="rId19" Type="http://schemas.openxmlformats.org/officeDocument/2006/relationships/theme" Target="../theme/theme1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gradFill rotWithShape="0">
          <a:gsLst>
            <a:gs pos="0">
              <a:srgbClr val="000035"/>
            </a:gs>
            <a:gs pos="100000">
              <a:srgbClr val="0000CC"/>
            </a:gs>
          </a:gsLst>
          <a:lin ang="5400000" scaled="1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05858" name="Rectangle 2"/>
          <p:cNvSpPr>
            <a:spLocks noChangeArrowheads="1"/>
          </p:cNvSpPr>
          <p:nvPr/>
        </p:nvSpPr>
        <p:spPr bwMode="auto">
          <a:xfrm>
            <a:off x="0" y="6705600"/>
            <a:ext cx="9144000" cy="152400"/>
          </a:xfrm>
          <a:prstGeom prst="rect">
            <a:avLst/>
          </a:prstGeom>
          <a:gradFill rotWithShape="0">
            <a:gsLst>
              <a:gs pos="0">
                <a:srgbClr val="FFFF00">
                  <a:gamma/>
                  <a:shade val="46275"/>
                  <a:invGamma/>
                </a:srgbClr>
              </a:gs>
              <a:gs pos="50000">
                <a:srgbClr val="FFFF00"/>
              </a:gs>
              <a:gs pos="100000">
                <a:srgbClr val="FFFF00">
                  <a:gamma/>
                  <a:shade val="46275"/>
                  <a:invGamma/>
                </a:srgbClr>
              </a:gs>
            </a:gsLst>
            <a:lin ang="5400000" scaled="1"/>
          </a:gradFill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Tahoma" charset="0"/>
              <a:cs typeface="Arial" charset="0"/>
            </a:endParaRPr>
          </a:p>
        </p:txBody>
      </p:sp>
      <p:sp>
        <p:nvSpPr>
          <p:cNvPr id="505859" name="Rectangle 3"/>
          <p:cNvSpPr>
            <a:spLocks noGrp="1" noChangeArrowheads="1"/>
          </p:cNvSpPr>
          <p:nvPr>
            <p:ph type="title"/>
          </p:nvPr>
        </p:nvSpPr>
        <p:spPr bwMode="auto">
          <a:xfrm>
            <a:off x="1600200" y="152400"/>
            <a:ext cx="6477000" cy="1066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b" anchorCtr="0" compatLnSpc="1">
            <a:prstTxWarp prst="textNoShape">
              <a:avLst/>
            </a:prstTxWarp>
          </a:bodyPr>
          <a:lstStyle/>
          <a:p>
            <a:pPr lvl="0"/>
            <a:r>
              <a:rPr lang="zh-CN" altLang="en-US" smtClean="0"/>
              <a:t/>
            </a:r>
            <a:br>
              <a:rPr lang="zh-CN" altLang="en-US" smtClean="0"/>
            </a:br>
            <a:endParaRPr lang="zh-CN" altLang="en-US" smtClean="0"/>
          </a:p>
        </p:txBody>
      </p:sp>
      <p:sp>
        <p:nvSpPr>
          <p:cNvPr id="505860" name="Rectangle 4"/>
          <p:cNvSpPr>
            <a:spLocks noGrp="1" noChangeArrowheads="1"/>
          </p:cNvSpPr>
          <p:nvPr>
            <p:ph type="body" idx="1"/>
          </p:nvPr>
        </p:nvSpPr>
        <p:spPr bwMode="auto">
          <a:xfrm>
            <a:off x="685800" y="1752600"/>
            <a:ext cx="7772400" cy="4114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 altLang="zh-CN" smtClean="0"/>
              <a:t>Click to edit Master text styles</a:t>
            </a:r>
          </a:p>
          <a:p>
            <a:pPr lvl="1"/>
            <a:r>
              <a:rPr lang="en-US" altLang="zh-CN" smtClean="0"/>
              <a:t>Second level</a:t>
            </a:r>
          </a:p>
          <a:p>
            <a:pPr lvl="2"/>
            <a:r>
              <a:rPr lang="en-US" altLang="zh-CN" smtClean="0"/>
              <a:t>Third level</a:t>
            </a:r>
          </a:p>
        </p:txBody>
      </p:sp>
      <p:sp>
        <p:nvSpPr>
          <p:cNvPr id="505861" name="Rectangle 5"/>
          <p:cNvSpPr>
            <a:spLocks noGrp="1" noChangeArrowheads="1"/>
          </p:cNvSpPr>
          <p:nvPr>
            <p:ph type="dt" sz="half" idx="2"/>
          </p:nvPr>
        </p:nvSpPr>
        <p:spPr bwMode="auto">
          <a:xfrm>
            <a:off x="685800" y="63246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eaLnBrk="0" hangingPunct="0">
              <a:spcBef>
                <a:spcPct val="50000"/>
              </a:spcBef>
              <a:defRPr sz="14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05862" name="Rectangle 6"/>
          <p:cNvSpPr>
            <a:spLocks noGrp="1" noChangeArrowheads="1"/>
          </p:cNvSpPr>
          <p:nvPr>
            <p:ph type="ftr" sz="quarter" idx="3"/>
          </p:nvPr>
        </p:nvSpPr>
        <p:spPr bwMode="auto">
          <a:xfrm>
            <a:off x="3200400" y="6324600"/>
            <a:ext cx="28956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ctr" eaLnBrk="0" hangingPunct="0">
              <a:spcBef>
                <a:spcPct val="50000"/>
              </a:spcBef>
              <a:defRPr sz="1400">
                <a:latin typeface="Times New Roman" pitchFamily="18" charset="0"/>
                <a:cs typeface="Arial" charset="0"/>
              </a:defRPr>
            </a:lvl1pPr>
          </a:lstStyle>
          <a:p>
            <a:pPr>
              <a:defRPr/>
            </a:pPr>
            <a:endParaRPr lang="en-GB"/>
          </a:p>
        </p:txBody>
      </p:sp>
      <p:sp>
        <p:nvSpPr>
          <p:cNvPr id="505863" name="Rectangle 7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6248400" y="6324600"/>
            <a:ext cx="1905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r" eaLnBrk="0" hangingPunct="0">
              <a:spcBef>
                <a:spcPct val="50000"/>
              </a:spcBef>
              <a:defRPr sz="1400">
                <a:latin typeface="Times New Roman" pitchFamily="18" charset="0"/>
                <a:ea typeface="宋体" pitchFamily="2" charset="-122"/>
                <a:cs typeface="Arial" charset="0"/>
              </a:defRPr>
            </a:lvl1pPr>
          </a:lstStyle>
          <a:p>
            <a:pPr>
              <a:defRPr/>
            </a:pPr>
            <a:fld id="{F991E0D5-71C1-41AA-A549-2A505B326D9D}" type="slidenum">
              <a:rPr lang="zh-CN" altLang="en-US"/>
              <a:pPr>
                <a:defRPr/>
              </a:pPr>
              <a:t>‹#›</a:t>
            </a:fld>
            <a:endParaRPr lang="en-US" altLang="zh-CN"/>
          </a:p>
        </p:txBody>
      </p:sp>
      <p:sp>
        <p:nvSpPr>
          <p:cNvPr id="505864" name="Rectangle 8"/>
          <p:cNvSpPr>
            <a:spLocks noChangeArrowheads="1"/>
          </p:cNvSpPr>
          <p:nvPr/>
        </p:nvSpPr>
        <p:spPr bwMode="auto">
          <a:xfrm>
            <a:off x="0" y="1295400"/>
            <a:ext cx="9144000" cy="76200"/>
          </a:xfrm>
          <a:prstGeom prst="rect">
            <a:avLst/>
          </a:prstGeom>
          <a:gradFill rotWithShape="0">
            <a:gsLst>
              <a:gs pos="0">
                <a:srgbClr val="FFFF00">
                  <a:gamma/>
                  <a:shade val="46275"/>
                  <a:invGamma/>
                </a:srgbClr>
              </a:gs>
              <a:gs pos="50000">
                <a:srgbClr val="FFFF00"/>
              </a:gs>
              <a:gs pos="100000">
                <a:srgbClr val="FFFF00">
                  <a:gamma/>
                  <a:shade val="46275"/>
                  <a:invGamma/>
                </a:srgbClr>
              </a:gs>
            </a:gsLst>
            <a:lin ang="5400000" scaled="1"/>
          </a:gradFill>
          <a:ln w="12700">
            <a:noFill/>
            <a:miter lim="800000"/>
            <a:headEnd type="none" w="sm" len="sm"/>
            <a:tailEnd type="none" w="sm" len="sm"/>
          </a:ln>
          <a:effectLst/>
        </p:spPr>
        <p:txBody>
          <a:bodyPr wrap="none" anchor="ctr"/>
          <a:lstStyle/>
          <a:p>
            <a:pPr>
              <a:defRPr/>
            </a:pPr>
            <a:endParaRPr lang="en-US">
              <a:latin typeface="Tahoma" charset="0"/>
              <a:cs typeface="Arial" charset="0"/>
            </a:endParaRPr>
          </a:p>
        </p:txBody>
      </p:sp>
    </p:spTree>
  </p:cSld>
  <p:clrMap bg1="dk2" tx1="lt1" bg2="dk1" tx2="lt2" accent1="accent1" accent2="accent2" accent3="accent3" accent4="accent4" accent5="accent5" accent6="accent6" hlink="hlink" folHlink="folHlink"/>
  <p:sldLayoutIdLst>
    <p:sldLayoutId id="2147483784" r:id="rId1"/>
    <p:sldLayoutId id="2147483768" r:id="rId2"/>
    <p:sldLayoutId id="2147483769" r:id="rId3"/>
    <p:sldLayoutId id="2147483770" r:id="rId4"/>
    <p:sldLayoutId id="2147483771" r:id="rId5"/>
    <p:sldLayoutId id="2147483772" r:id="rId6"/>
    <p:sldLayoutId id="2147483773" r:id="rId7"/>
    <p:sldLayoutId id="2147483774" r:id="rId8"/>
    <p:sldLayoutId id="2147483775" r:id="rId9"/>
    <p:sldLayoutId id="2147483776" r:id="rId10"/>
    <p:sldLayoutId id="2147483777" r:id="rId11"/>
    <p:sldLayoutId id="2147483778" r:id="rId12"/>
    <p:sldLayoutId id="2147483779" r:id="rId13"/>
    <p:sldLayoutId id="2147483780" r:id="rId14"/>
    <p:sldLayoutId id="2147483781" r:id="rId15"/>
    <p:sldLayoutId id="2147483782" r:id="rId16"/>
    <p:sldLayoutId id="2147483783" r:id="rId17"/>
    <p:sldLayoutId id="2147483785" r:id="rId18"/>
  </p:sldLayoutIdLst>
  <p:transition spd="med"/>
  <p:txStyles>
    <p:titleStyle>
      <a:lvl1pPr algn="ctr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rgbClr val="FFFF00"/>
          </a:solidFill>
          <a:effectLst>
            <a:outerShdw blurRad="38100" dist="38100" dir="2700000" algn="tl">
              <a:srgbClr val="000000"/>
            </a:outerShdw>
          </a:effectLst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rgbClr val="FFFF00"/>
          </a:solidFill>
          <a:effectLst>
            <a:outerShdw blurRad="38100" dist="38100" dir="2700000" algn="tl">
              <a:srgbClr val="000000"/>
            </a:outerShdw>
          </a:effectLst>
          <a:latin typeface="Tahoma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rgbClr val="FFFF00"/>
          </a:solidFill>
          <a:effectLst>
            <a:outerShdw blurRad="38100" dist="38100" dir="2700000" algn="tl">
              <a:srgbClr val="000000"/>
            </a:outerShdw>
          </a:effectLst>
          <a:latin typeface="Tahoma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rgbClr val="FFFF00"/>
          </a:solidFill>
          <a:effectLst>
            <a:outerShdw blurRad="38100" dist="38100" dir="2700000" algn="tl">
              <a:srgbClr val="000000"/>
            </a:outerShdw>
          </a:effectLst>
          <a:latin typeface="Tahoma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kumimoji="1" sz="2800" b="1">
          <a:solidFill>
            <a:srgbClr val="FFFF00"/>
          </a:solidFill>
          <a:effectLst>
            <a:outerShdw blurRad="38100" dist="38100" dir="2700000" algn="tl">
              <a:srgbClr val="000000"/>
            </a:outerShdw>
          </a:effectLst>
          <a:latin typeface="Tahoma" charset="0"/>
        </a:defRPr>
      </a:lvl5pPr>
      <a:lvl6pPr marL="457200" algn="ctr" rtl="0" fontAlgn="base">
        <a:spcBef>
          <a:spcPct val="0"/>
        </a:spcBef>
        <a:spcAft>
          <a:spcPct val="0"/>
        </a:spcAft>
        <a:defRPr kumimoji="1" sz="2800" b="1">
          <a:solidFill>
            <a:srgbClr val="FFFF00"/>
          </a:solidFill>
          <a:effectLst>
            <a:outerShdw blurRad="38100" dist="38100" dir="2700000" algn="tl">
              <a:srgbClr val="000000"/>
            </a:outerShdw>
          </a:effectLst>
          <a:latin typeface="Tahoma" charset="0"/>
        </a:defRPr>
      </a:lvl6pPr>
      <a:lvl7pPr marL="914400" algn="ctr" rtl="0" fontAlgn="base">
        <a:spcBef>
          <a:spcPct val="0"/>
        </a:spcBef>
        <a:spcAft>
          <a:spcPct val="0"/>
        </a:spcAft>
        <a:defRPr kumimoji="1" sz="2800" b="1">
          <a:solidFill>
            <a:srgbClr val="FFFF00"/>
          </a:solidFill>
          <a:effectLst>
            <a:outerShdw blurRad="38100" dist="38100" dir="2700000" algn="tl">
              <a:srgbClr val="000000"/>
            </a:outerShdw>
          </a:effectLst>
          <a:latin typeface="Tahoma" charset="0"/>
        </a:defRPr>
      </a:lvl7pPr>
      <a:lvl8pPr marL="1371600" algn="ctr" rtl="0" fontAlgn="base">
        <a:spcBef>
          <a:spcPct val="0"/>
        </a:spcBef>
        <a:spcAft>
          <a:spcPct val="0"/>
        </a:spcAft>
        <a:defRPr kumimoji="1" sz="2800" b="1">
          <a:solidFill>
            <a:srgbClr val="FFFF00"/>
          </a:solidFill>
          <a:effectLst>
            <a:outerShdw blurRad="38100" dist="38100" dir="2700000" algn="tl">
              <a:srgbClr val="000000"/>
            </a:outerShdw>
          </a:effectLst>
          <a:latin typeface="Tahoma" charset="0"/>
        </a:defRPr>
      </a:lvl8pPr>
      <a:lvl9pPr marL="1828800" algn="ctr" rtl="0" fontAlgn="base">
        <a:spcBef>
          <a:spcPct val="0"/>
        </a:spcBef>
        <a:spcAft>
          <a:spcPct val="0"/>
        </a:spcAft>
        <a:defRPr kumimoji="1" sz="2800" b="1">
          <a:solidFill>
            <a:srgbClr val="FFFF00"/>
          </a:solidFill>
          <a:effectLst>
            <a:outerShdw blurRad="38100" dist="38100" dir="2700000" algn="tl">
              <a:srgbClr val="000000"/>
            </a:outerShdw>
          </a:effectLst>
          <a:latin typeface="Tahoma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Clr>
          <a:srgbClr val="FFCC00"/>
        </a:buClr>
        <a:buChar char="•"/>
        <a:defRPr kumimoji="1" sz="2800">
          <a:solidFill>
            <a:srgbClr val="FFFFFF"/>
          </a:solidFill>
          <a:effectLst>
            <a:outerShdw blurRad="38100" dist="38100" dir="2700000" algn="tl">
              <a:srgbClr val="000000"/>
            </a:outerShdw>
          </a:effectLst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20000"/>
        </a:spcAft>
        <a:buClr>
          <a:schemeClr val="tx2"/>
        </a:buClr>
        <a:buChar char="•"/>
        <a:defRPr kumimoji="1" sz="2400">
          <a:solidFill>
            <a:srgbClr val="FFFFFF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2pPr>
      <a:lvl3pPr marL="1143000" indent="-228600" algn="l" rtl="0" eaLnBrk="0" fontAlgn="base" hangingPunct="0">
        <a:spcBef>
          <a:spcPct val="20000"/>
        </a:spcBef>
        <a:spcAft>
          <a:spcPct val="20000"/>
        </a:spcAft>
        <a:buClr>
          <a:schemeClr val="tx2"/>
        </a:buClr>
        <a:buChar char="-"/>
        <a:defRPr kumimoji="1" sz="2000">
          <a:solidFill>
            <a:srgbClr val="FFFFFF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Clr>
          <a:srgbClr val="FFCC00"/>
        </a:buClr>
        <a:buChar char="•"/>
        <a:defRPr kumimoji="1" sz="3200">
          <a:solidFill>
            <a:srgbClr val="FFFFFF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Clr>
          <a:srgbClr val="FFCC00"/>
        </a:buClr>
        <a:buChar char="•"/>
        <a:defRPr kumimoji="1" sz="3200">
          <a:solidFill>
            <a:srgbClr val="FFFFFF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5pPr>
      <a:lvl6pPr marL="2514600" indent="-228600" algn="l" rtl="0" fontAlgn="base">
        <a:spcBef>
          <a:spcPct val="20000"/>
        </a:spcBef>
        <a:spcAft>
          <a:spcPct val="0"/>
        </a:spcAft>
        <a:buClr>
          <a:srgbClr val="FFCC00"/>
        </a:buClr>
        <a:buChar char="•"/>
        <a:defRPr kumimoji="1" sz="3200">
          <a:solidFill>
            <a:srgbClr val="FFFFFF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6pPr>
      <a:lvl7pPr marL="2971800" indent="-228600" algn="l" rtl="0" fontAlgn="base">
        <a:spcBef>
          <a:spcPct val="20000"/>
        </a:spcBef>
        <a:spcAft>
          <a:spcPct val="0"/>
        </a:spcAft>
        <a:buClr>
          <a:srgbClr val="FFCC00"/>
        </a:buClr>
        <a:buChar char="•"/>
        <a:defRPr kumimoji="1" sz="3200">
          <a:solidFill>
            <a:srgbClr val="FFFFFF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7pPr>
      <a:lvl8pPr marL="3429000" indent="-228600" algn="l" rtl="0" fontAlgn="base">
        <a:spcBef>
          <a:spcPct val="20000"/>
        </a:spcBef>
        <a:spcAft>
          <a:spcPct val="0"/>
        </a:spcAft>
        <a:buClr>
          <a:srgbClr val="FFCC00"/>
        </a:buClr>
        <a:buChar char="•"/>
        <a:defRPr kumimoji="1" sz="3200">
          <a:solidFill>
            <a:srgbClr val="FFFFFF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8pPr>
      <a:lvl9pPr marL="3886200" indent="-228600" algn="l" rtl="0" fontAlgn="base">
        <a:spcBef>
          <a:spcPct val="20000"/>
        </a:spcBef>
        <a:spcAft>
          <a:spcPct val="0"/>
        </a:spcAft>
        <a:buClr>
          <a:srgbClr val="FFCC00"/>
        </a:buClr>
        <a:buChar char="•"/>
        <a:defRPr kumimoji="1" sz="3200">
          <a:solidFill>
            <a:srgbClr val="FFFFFF"/>
          </a:solidFill>
          <a:effectLst>
            <a:outerShdw blurRad="38100" dist="38100" dir="2700000" algn="tl">
              <a:srgbClr val="000000"/>
            </a:outerShdw>
          </a:effectLst>
          <a:latin typeface="+mn-lt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6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png"/><Relationship Id="rId2" Type="http://schemas.openxmlformats.org/officeDocument/2006/relationships/image" Target="../media/image7.gif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7.xml"/></Relationships>
</file>

<file path=ppt/slides/_rels/slide12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jpeg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png"/><Relationship Id="rId1" Type="http://schemas.openxmlformats.org/officeDocument/2006/relationships/slideLayout" Target="../slideLayouts/slideLayout7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png"/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7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chart" Target="../charts/chart2.xml"/><Relationship Id="rId7" Type="http://schemas.openxmlformats.org/officeDocument/2006/relationships/chart" Target="../charts/chart6.xml"/><Relationship Id="rId2" Type="http://schemas.openxmlformats.org/officeDocument/2006/relationships/chart" Target="../charts/chart1.xml"/><Relationship Id="rId1" Type="http://schemas.openxmlformats.org/officeDocument/2006/relationships/slideLayout" Target="../slideLayouts/slideLayout6.xml"/><Relationship Id="rId6" Type="http://schemas.openxmlformats.org/officeDocument/2006/relationships/chart" Target="../charts/chart5.xml"/><Relationship Id="rId5" Type="http://schemas.openxmlformats.org/officeDocument/2006/relationships/chart" Target="../charts/chart4.xml"/><Relationship Id="rId4" Type="http://schemas.openxmlformats.org/officeDocument/2006/relationships/chart" Target="../charts/chart3.xml"/></Relationships>
</file>

<file path=ppt/slides/_rels/slide17.xml.rels><?xml version="1.0" encoding="UTF-8" standalone="yes"?>
<Relationships xmlns="http://schemas.openxmlformats.org/package/2006/relationships"><Relationship Id="rId3" Type="http://schemas.openxmlformats.org/officeDocument/2006/relationships/chart" Target="../charts/chart8.xml"/><Relationship Id="rId7" Type="http://schemas.openxmlformats.org/officeDocument/2006/relationships/chart" Target="../charts/chart12.xml"/><Relationship Id="rId2" Type="http://schemas.openxmlformats.org/officeDocument/2006/relationships/chart" Target="../charts/chart7.xml"/><Relationship Id="rId1" Type="http://schemas.openxmlformats.org/officeDocument/2006/relationships/slideLayout" Target="../slideLayouts/slideLayout6.xml"/><Relationship Id="rId6" Type="http://schemas.openxmlformats.org/officeDocument/2006/relationships/chart" Target="../charts/chart11.xml"/><Relationship Id="rId5" Type="http://schemas.openxmlformats.org/officeDocument/2006/relationships/chart" Target="../charts/chart10.xml"/><Relationship Id="rId4" Type="http://schemas.openxmlformats.org/officeDocument/2006/relationships/chart" Target="../charts/chart9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4.xml"/><Relationship Id="rId7" Type="http://schemas.openxmlformats.org/officeDocument/2006/relationships/chart" Target="../charts/chart18.xml"/><Relationship Id="rId2" Type="http://schemas.openxmlformats.org/officeDocument/2006/relationships/chart" Target="../charts/chart13.xml"/><Relationship Id="rId1" Type="http://schemas.openxmlformats.org/officeDocument/2006/relationships/slideLayout" Target="../slideLayouts/slideLayout6.xml"/><Relationship Id="rId6" Type="http://schemas.openxmlformats.org/officeDocument/2006/relationships/chart" Target="../charts/chart17.xml"/><Relationship Id="rId5" Type="http://schemas.openxmlformats.org/officeDocument/2006/relationships/chart" Target="../charts/chart16.xml"/><Relationship Id="rId4" Type="http://schemas.openxmlformats.org/officeDocument/2006/relationships/chart" Target="../charts/chart15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7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chart" Target="../charts/chart19.xml"/><Relationship Id="rId1" Type="http://schemas.openxmlformats.org/officeDocument/2006/relationships/slideLayout" Target="../slideLayouts/slideLayout18.xml"/></Relationships>
</file>

<file path=ppt/slides/_rels/slide2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3" Type="http://schemas.openxmlformats.org/officeDocument/2006/relationships/image" Target="../media/image18.png"/><Relationship Id="rId7" Type="http://schemas.openxmlformats.org/officeDocument/2006/relationships/image" Target="../media/image22.png"/><Relationship Id="rId2" Type="http://schemas.openxmlformats.org/officeDocument/2006/relationships/image" Target="../media/image17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1.png"/><Relationship Id="rId5" Type="http://schemas.openxmlformats.org/officeDocument/2006/relationships/image" Target="../media/image20.png"/><Relationship Id="rId4" Type="http://schemas.openxmlformats.org/officeDocument/2006/relationships/image" Target="../media/image19.png"/></Relationships>
</file>

<file path=ppt/slides/_rels/slide2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6.png"/><Relationship Id="rId4" Type="http://schemas.openxmlformats.org/officeDocument/2006/relationships/image" Target="../media/image25.png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0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7.xml"/></Relationships>
</file>

<file path=ppt/slides/_rels/slide3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wmf"/><Relationship Id="rId1" Type="http://schemas.openxmlformats.org/officeDocument/2006/relationships/slideLayout" Target="../slideLayouts/slideLayout7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hyperlink" Target="http://en.wikipedia.org/wiki/Greenhouse_gas" TargetMode="External"/><Relationship Id="rId7" Type="http://schemas.openxmlformats.org/officeDocument/2006/relationships/hyperlink" Target="http://en.wikipedia.org/wiki/Infrared_radiation" TargetMode="External"/><Relationship Id="rId2" Type="http://schemas.openxmlformats.org/officeDocument/2006/relationships/notesSlide" Target="../notesSlides/notesSlide2.xml"/><Relationship Id="rId1" Type="http://schemas.openxmlformats.org/officeDocument/2006/relationships/slideLayout" Target="../slideLayouts/slideLayout7.xml"/><Relationship Id="rId6" Type="http://schemas.openxmlformats.org/officeDocument/2006/relationships/hyperlink" Target="http://en.wikipedia.org/wiki/Carbon_dioxide" TargetMode="External"/><Relationship Id="rId5" Type="http://schemas.openxmlformats.org/officeDocument/2006/relationships/hyperlink" Target="http://en.wikipedia.org/wiki/Gas" TargetMode="External"/><Relationship Id="rId4" Type="http://schemas.openxmlformats.org/officeDocument/2006/relationships/hyperlink" Target="http://en.wikipedia.org/wiki/Global_warming" TargetMode="Externa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notesSlide" Target="../notesSlides/notesSlide3.xml"/><Relationship Id="rId1" Type="http://schemas.openxmlformats.org/officeDocument/2006/relationships/slideLayout" Target="../slideLayouts/slideLayout7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emf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jpeg"/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560" name="Rectangle 3"/>
          <p:cNvSpPr>
            <a:spLocks noChangeArrowheads="1"/>
          </p:cNvSpPr>
          <p:nvPr/>
        </p:nvSpPr>
        <p:spPr bwMode="auto">
          <a:xfrm>
            <a:off x="1" y="38301"/>
            <a:ext cx="9144000" cy="1176948"/>
          </a:xfrm>
          <a:prstGeom prst="rect">
            <a:avLst/>
          </a:prstGeom>
          <a:solidFill>
            <a:srgbClr val="CCECFF"/>
          </a:solidFill>
          <a:ln w="9525">
            <a:noFill/>
            <a:miter lim="800000"/>
            <a:headEnd/>
            <a:tailEnd/>
          </a:ln>
        </p:spPr>
        <p:txBody>
          <a:bodyPr wrap="none" anchor="ctr"/>
          <a:lstStyle/>
          <a:p>
            <a:endParaRPr lang="zh-CN" altLang="zh-CN">
              <a:latin typeface="Arial" pitchFamily="34" charset="0"/>
              <a:ea typeface="宋体" pitchFamily="2" charset="-122"/>
            </a:endParaRPr>
          </a:p>
        </p:txBody>
      </p:sp>
      <p:sp>
        <p:nvSpPr>
          <p:cNvPr id="3077" name="Rectangle 5"/>
          <p:cNvSpPr>
            <a:spLocks noGrp="1" noChangeArrowheads="1"/>
          </p:cNvSpPr>
          <p:nvPr>
            <p:ph type="title"/>
          </p:nvPr>
        </p:nvSpPr>
        <p:spPr>
          <a:xfrm>
            <a:off x="547688" y="1451428"/>
            <a:ext cx="8229600" cy="2867025"/>
          </a:xfrm>
        </p:spPr>
        <p:txBody>
          <a:bodyPr/>
          <a:lstStyle/>
          <a:p>
            <a:pPr eaLnBrk="1" hangingPunct="1">
              <a:defRPr/>
            </a:pPr>
            <a:r>
              <a:rPr lang="en-US" sz="6000" dirty="0" smtClean="0"/>
              <a:t/>
            </a:r>
            <a:br>
              <a:rPr lang="en-US" sz="6000" dirty="0" smtClean="0"/>
            </a:br>
            <a:r>
              <a:rPr lang="en-US" sz="4000" dirty="0" smtClean="0"/>
              <a:t/>
            </a:r>
            <a:br>
              <a:rPr lang="en-US" sz="4000" dirty="0" smtClean="0"/>
            </a:br>
            <a:r>
              <a:rPr lang="en-US" sz="4000" dirty="0" smtClean="0"/>
              <a:t/>
            </a:r>
            <a:br>
              <a:rPr lang="en-US" sz="4000" dirty="0" smtClean="0"/>
            </a:br>
            <a:endParaRPr lang="en-US" dirty="0" smtClean="0">
              <a:solidFill>
                <a:srgbClr val="00FFFF"/>
              </a:solidFill>
            </a:endParaRPr>
          </a:p>
        </p:txBody>
      </p:sp>
      <p:sp>
        <p:nvSpPr>
          <p:cNvPr id="23557" name="Text Box 7"/>
          <p:cNvSpPr txBox="1">
            <a:spLocks noChangeArrowheads="1"/>
          </p:cNvSpPr>
          <p:nvPr/>
        </p:nvSpPr>
        <p:spPr bwMode="auto">
          <a:xfrm>
            <a:off x="1283608" y="4299857"/>
            <a:ext cx="6496050" cy="2216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b="1" i="1" dirty="0">
                <a:latin typeface="Arial" pitchFamily="34" charset="0"/>
              </a:rPr>
              <a:t>by</a:t>
            </a:r>
          </a:p>
          <a:p>
            <a:pPr algn="ctr">
              <a:spcBef>
                <a:spcPct val="50000"/>
              </a:spcBef>
            </a:pPr>
            <a:r>
              <a:rPr lang="en-US" sz="2400" b="1" dirty="0">
                <a:latin typeface="Arial" pitchFamily="34" charset="0"/>
              </a:rPr>
              <a:t>Dr. </a:t>
            </a:r>
            <a:r>
              <a:rPr lang="en-US" sz="2400" b="1" dirty="0" err="1">
                <a:latin typeface="Arial" pitchFamily="34" charset="0"/>
              </a:rPr>
              <a:t>Ghulam</a:t>
            </a:r>
            <a:r>
              <a:rPr lang="en-US" sz="2400" b="1" dirty="0">
                <a:latin typeface="Arial" pitchFamily="34" charset="0"/>
              </a:rPr>
              <a:t> </a:t>
            </a:r>
            <a:r>
              <a:rPr lang="en-US" sz="2400" b="1" dirty="0" err="1">
                <a:latin typeface="Arial" pitchFamily="34" charset="0"/>
              </a:rPr>
              <a:t>Rasul</a:t>
            </a:r>
            <a:endParaRPr lang="en-US" sz="2400" b="1" dirty="0">
              <a:latin typeface="Arial" pitchFamily="34" charset="0"/>
            </a:endParaRPr>
          </a:p>
          <a:p>
            <a:pPr algn="ctr">
              <a:spcBef>
                <a:spcPct val="50000"/>
              </a:spcBef>
            </a:pPr>
            <a:r>
              <a:rPr lang="en-US" sz="1600" dirty="0">
                <a:latin typeface="Arial" pitchFamily="34" charset="0"/>
              </a:rPr>
              <a:t>Chief Meteorologist</a:t>
            </a:r>
          </a:p>
          <a:p>
            <a:pPr algn="ctr">
              <a:spcBef>
                <a:spcPct val="50000"/>
              </a:spcBef>
            </a:pPr>
            <a:r>
              <a:rPr lang="en-US" sz="2400" b="1" dirty="0">
                <a:latin typeface="Arial" pitchFamily="34" charset="0"/>
              </a:rPr>
              <a:t>Pakistan Meteorological Department</a:t>
            </a:r>
          </a:p>
          <a:p>
            <a:pPr algn="ctr">
              <a:spcBef>
                <a:spcPct val="50000"/>
              </a:spcBef>
            </a:pPr>
            <a:r>
              <a:rPr lang="en-US" sz="1600" b="1" dirty="0" smtClean="0">
                <a:solidFill>
                  <a:srgbClr val="FF66FF"/>
                </a:solidFill>
                <a:latin typeface="Bookman Old Style" pitchFamily="18" charset="0"/>
              </a:rPr>
              <a:t>rasul@pmd.gov.pk</a:t>
            </a:r>
            <a:endParaRPr lang="en-US" sz="1600" b="1" dirty="0">
              <a:solidFill>
                <a:srgbClr val="FF66FF"/>
              </a:solidFill>
              <a:latin typeface="Bookman Old Style" pitchFamily="18" charset="0"/>
            </a:endParaRPr>
          </a:p>
        </p:txBody>
      </p:sp>
      <p:sp>
        <p:nvSpPr>
          <p:cNvPr id="23558" name="Rectangle 8"/>
          <p:cNvSpPr>
            <a:spLocks noChangeArrowheads="1"/>
          </p:cNvSpPr>
          <p:nvPr/>
        </p:nvSpPr>
        <p:spPr bwMode="auto">
          <a:xfrm>
            <a:off x="290287" y="2351313"/>
            <a:ext cx="8577941" cy="120032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pPr algn="ctr"/>
            <a:r>
              <a:rPr lang="en-US" sz="3600" b="1" dirty="0" smtClean="0">
                <a:solidFill>
                  <a:schemeClr val="tx2"/>
                </a:solidFill>
              </a:rPr>
              <a:t>Climate Data Modeling and Analysis of the Indus </a:t>
            </a:r>
            <a:r>
              <a:rPr lang="en-US" sz="3600" b="1" dirty="0" err="1" smtClean="0">
                <a:solidFill>
                  <a:schemeClr val="tx2"/>
                </a:solidFill>
              </a:rPr>
              <a:t>Ecoregion</a:t>
            </a:r>
            <a:endParaRPr lang="en-US" sz="3600" b="1" dirty="0">
              <a:solidFill>
                <a:schemeClr val="tx2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>
            <a:off x="0" y="1"/>
            <a:ext cx="9144000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000" b="1" dirty="0" smtClean="0">
                <a:solidFill>
                  <a:srgbClr val="00B050"/>
                </a:solidFill>
              </a:rPr>
              <a:t>Synthesis Report</a:t>
            </a:r>
          </a:p>
          <a:p>
            <a:pPr algn="ctr"/>
            <a:r>
              <a:rPr lang="en-US" sz="2000" b="1" dirty="0" smtClean="0">
                <a:solidFill>
                  <a:srgbClr val="00B050"/>
                </a:solidFill>
              </a:rPr>
              <a:t>28</a:t>
            </a:r>
            <a:r>
              <a:rPr lang="en-US" sz="2000" b="1" baseline="30000" dirty="0" smtClean="0">
                <a:solidFill>
                  <a:srgbClr val="00B050"/>
                </a:solidFill>
              </a:rPr>
              <a:t>th</a:t>
            </a:r>
            <a:r>
              <a:rPr lang="en-US" sz="2000" b="1" dirty="0" smtClean="0">
                <a:solidFill>
                  <a:srgbClr val="00B050"/>
                </a:solidFill>
              </a:rPr>
              <a:t> February 2013</a:t>
            </a:r>
            <a:endParaRPr lang="en-US" sz="2000" b="1" dirty="0">
              <a:solidFill>
                <a:srgbClr val="00B050"/>
              </a:solidFill>
            </a:endParaRPr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262743" y="152400"/>
            <a:ext cx="6814457" cy="1066800"/>
          </a:xfrm>
        </p:spPr>
        <p:txBody>
          <a:bodyPr/>
          <a:lstStyle/>
          <a:p>
            <a:r>
              <a:rPr lang="en-US" dirty="0" smtClean="0"/>
              <a:t>Sea Level Rise along Pakistan Coast</a:t>
            </a:r>
            <a:endParaRPr lang="en-US" dirty="0"/>
          </a:p>
        </p:txBody>
      </p:sp>
      <p:pic>
        <p:nvPicPr>
          <p:cNvPr id="4" name="Picture 2" descr="http://www.skepticalscience.com/images/SLR_models_obs.gif"/>
          <p:cNvPicPr>
            <a:picLocks noGrp="1" noChangeAspect="1" noChangeArrowheads="1"/>
          </p:cNvPicPr>
          <p:nvPr>
            <p:ph idx="1"/>
          </p:nvPr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93675" y="2467429"/>
            <a:ext cx="4286250" cy="4194628"/>
          </a:xfrm>
          <a:prstGeom prst="rect">
            <a:avLst/>
          </a:prstGeom>
          <a:noFill/>
        </p:spPr>
      </p:pic>
      <p:pic>
        <p:nvPicPr>
          <p:cNvPr id="5" name="Chart 5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702630" y="2481943"/>
            <a:ext cx="4252686" cy="4191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" name="TextBox 5"/>
          <p:cNvSpPr txBox="1"/>
          <p:nvPr/>
        </p:nvSpPr>
        <p:spPr>
          <a:xfrm>
            <a:off x="319314" y="1524000"/>
            <a:ext cx="8548915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 smtClean="0"/>
              <a:t>Sea level rise is resulting into saline water intrusion to the fertile cultivated lands of the Indus Delta.</a:t>
            </a:r>
            <a:endParaRPr lang="en-US" dirty="0"/>
          </a:p>
        </p:txBody>
      </p:sp>
    </p:spTree>
  </p:cSld>
  <p:clrMapOvr>
    <a:masterClrMapping/>
  </p:clrMapOvr>
  <p:transition spd="med"/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386" name="Rectangle 2"/>
          <p:cNvSpPr>
            <a:spLocks noGrp="1" noChangeArrowheads="1"/>
          </p:cNvSpPr>
          <p:nvPr>
            <p:ph type="title" idx="4294967295"/>
          </p:nvPr>
        </p:nvSpPr>
        <p:spPr>
          <a:xfrm>
            <a:off x="0" y="0"/>
            <a:ext cx="8229600" cy="1371600"/>
          </a:xfrm>
        </p:spPr>
        <p:txBody>
          <a:bodyPr anchor="ctr"/>
          <a:lstStyle/>
          <a:p>
            <a:pPr eaLnBrk="1" hangingPunct="1"/>
            <a:r>
              <a:rPr lang="en-US" sz="3600" b="1" dirty="0" smtClean="0">
                <a:latin typeface="Times New Roman" pitchFamily="18" charset="0"/>
                <a:cs typeface="Times New Roman" pitchFamily="18" charset="0"/>
              </a:rPr>
              <a:t>Areas of Heat Waves in South Asia</a:t>
            </a:r>
          </a:p>
        </p:txBody>
      </p:sp>
      <p:pic>
        <p:nvPicPr>
          <p:cNvPr id="16387" name="Picture 4" descr="SA"/>
          <p:cNvPicPr>
            <a:picLocks noChangeAspect="1" noChangeArrowheads="1"/>
          </p:cNvPicPr>
          <p:nvPr/>
        </p:nvPicPr>
        <p:blipFill>
          <a:blip r:embed="rId2" cstate="print"/>
          <a:srcRect l="9230" t="3650" r="6154" b="16049"/>
          <a:stretch>
            <a:fillRect/>
          </a:stretch>
        </p:blipFill>
        <p:spPr bwMode="auto">
          <a:xfrm>
            <a:off x="1771650" y="1672770"/>
            <a:ext cx="6153150" cy="46434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6388" name="Freeform 5"/>
          <p:cNvSpPr>
            <a:spLocks/>
          </p:cNvSpPr>
          <p:nvPr/>
        </p:nvSpPr>
        <p:spPr bwMode="auto">
          <a:xfrm>
            <a:off x="2133600" y="2438400"/>
            <a:ext cx="3759200" cy="2324100"/>
          </a:xfrm>
          <a:custGeom>
            <a:avLst/>
            <a:gdLst>
              <a:gd name="T0" fmla="*/ 2222500 w 2368"/>
              <a:gd name="T1" fmla="*/ 558800 h 1464"/>
              <a:gd name="T2" fmla="*/ 2146300 w 2368"/>
              <a:gd name="T3" fmla="*/ 330200 h 1464"/>
              <a:gd name="T4" fmla="*/ 1993900 w 2368"/>
              <a:gd name="T5" fmla="*/ 177800 h 1464"/>
              <a:gd name="T6" fmla="*/ 1841500 w 2368"/>
              <a:gd name="T7" fmla="*/ 25400 h 1464"/>
              <a:gd name="T8" fmla="*/ 1612900 w 2368"/>
              <a:gd name="T9" fmla="*/ 25400 h 1464"/>
              <a:gd name="T10" fmla="*/ 1384300 w 2368"/>
              <a:gd name="T11" fmla="*/ 177800 h 1464"/>
              <a:gd name="T12" fmla="*/ 1308100 w 2368"/>
              <a:gd name="T13" fmla="*/ 330200 h 1464"/>
              <a:gd name="T14" fmla="*/ 1231900 w 2368"/>
              <a:gd name="T15" fmla="*/ 482600 h 1464"/>
              <a:gd name="T16" fmla="*/ 1003300 w 2368"/>
              <a:gd name="T17" fmla="*/ 635000 h 1464"/>
              <a:gd name="T18" fmla="*/ 850900 w 2368"/>
              <a:gd name="T19" fmla="*/ 635000 h 1464"/>
              <a:gd name="T20" fmla="*/ 622300 w 2368"/>
              <a:gd name="T21" fmla="*/ 558800 h 1464"/>
              <a:gd name="T22" fmla="*/ 469900 w 2368"/>
              <a:gd name="T23" fmla="*/ 558800 h 1464"/>
              <a:gd name="T24" fmla="*/ 165100 w 2368"/>
              <a:gd name="T25" fmla="*/ 711200 h 1464"/>
              <a:gd name="T26" fmla="*/ 12700 w 2368"/>
              <a:gd name="T27" fmla="*/ 863600 h 1464"/>
              <a:gd name="T28" fmla="*/ 88900 w 2368"/>
              <a:gd name="T29" fmla="*/ 1016000 h 1464"/>
              <a:gd name="T30" fmla="*/ 317500 w 2368"/>
              <a:gd name="T31" fmla="*/ 1092200 h 1464"/>
              <a:gd name="T32" fmla="*/ 622300 w 2368"/>
              <a:gd name="T33" fmla="*/ 1092200 h 1464"/>
              <a:gd name="T34" fmla="*/ 774700 w 2368"/>
              <a:gd name="T35" fmla="*/ 1168400 h 1464"/>
              <a:gd name="T36" fmla="*/ 927100 w 2368"/>
              <a:gd name="T37" fmla="*/ 1320800 h 1464"/>
              <a:gd name="T38" fmla="*/ 1155700 w 2368"/>
              <a:gd name="T39" fmla="*/ 1473200 h 1464"/>
              <a:gd name="T40" fmla="*/ 1308100 w 2368"/>
              <a:gd name="T41" fmla="*/ 1473200 h 1464"/>
              <a:gd name="T42" fmla="*/ 1536700 w 2368"/>
              <a:gd name="T43" fmla="*/ 1397000 h 1464"/>
              <a:gd name="T44" fmla="*/ 1689100 w 2368"/>
              <a:gd name="T45" fmla="*/ 1397000 h 1464"/>
              <a:gd name="T46" fmla="*/ 1841500 w 2368"/>
              <a:gd name="T47" fmla="*/ 1473200 h 1464"/>
              <a:gd name="T48" fmla="*/ 1841500 w 2368"/>
              <a:gd name="T49" fmla="*/ 1778000 h 1464"/>
              <a:gd name="T50" fmla="*/ 1765300 w 2368"/>
              <a:gd name="T51" fmla="*/ 2006600 h 1464"/>
              <a:gd name="T52" fmla="*/ 1841500 w 2368"/>
              <a:gd name="T53" fmla="*/ 2235200 h 1464"/>
              <a:gd name="T54" fmla="*/ 2146300 w 2368"/>
              <a:gd name="T55" fmla="*/ 2311400 h 1464"/>
              <a:gd name="T56" fmla="*/ 2374900 w 2368"/>
              <a:gd name="T57" fmla="*/ 2159000 h 1464"/>
              <a:gd name="T58" fmla="*/ 2527300 w 2368"/>
              <a:gd name="T59" fmla="*/ 1930400 h 1464"/>
              <a:gd name="T60" fmla="*/ 2527300 w 2368"/>
              <a:gd name="T61" fmla="*/ 1625600 h 1464"/>
              <a:gd name="T62" fmla="*/ 2527300 w 2368"/>
              <a:gd name="T63" fmla="*/ 1549400 h 1464"/>
              <a:gd name="T64" fmla="*/ 2603500 w 2368"/>
              <a:gd name="T65" fmla="*/ 1244600 h 1464"/>
              <a:gd name="T66" fmla="*/ 2908300 w 2368"/>
              <a:gd name="T67" fmla="*/ 1092200 h 1464"/>
              <a:gd name="T68" fmla="*/ 3289300 w 2368"/>
              <a:gd name="T69" fmla="*/ 1244600 h 1464"/>
              <a:gd name="T70" fmla="*/ 3517900 w 2368"/>
              <a:gd name="T71" fmla="*/ 1397000 h 1464"/>
              <a:gd name="T72" fmla="*/ 3670300 w 2368"/>
              <a:gd name="T73" fmla="*/ 1320800 h 1464"/>
              <a:gd name="T74" fmla="*/ 3746500 w 2368"/>
              <a:gd name="T75" fmla="*/ 1168400 h 1464"/>
              <a:gd name="T76" fmla="*/ 3594100 w 2368"/>
              <a:gd name="T77" fmla="*/ 939800 h 1464"/>
              <a:gd name="T78" fmla="*/ 3365500 w 2368"/>
              <a:gd name="T79" fmla="*/ 787400 h 1464"/>
              <a:gd name="T80" fmla="*/ 3136899 w 2368"/>
              <a:gd name="T81" fmla="*/ 711200 h 1464"/>
              <a:gd name="T82" fmla="*/ 2755900 w 2368"/>
              <a:gd name="T83" fmla="*/ 711200 h 1464"/>
              <a:gd name="T84" fmla="*/ 2451100 w 2368"/>
              <a:gd name="T85" fmla="*/ 787400 h 1464"/>
              <a:gd name="T86" fmla="*/ 2298700 w 2368"/>
              <a:gd name="T87" fmla="*/ 711200 h 1464"/>
              <a:gd name="T88" fmla="*/ 2222500 w 2368"/>
              <a:gd name="T89" fmla="*/ 558800 h 1464"/>
              <a:gd name="T90" fmla="*/ 0 60000 65536"/>
              <a:gd name="T91" fmla="*/ 0 60000 65536"/>
              <a:gd name="T92" fmla="*/ 0 60000 65536"/>
              <a:gd name="T93" fmla="*/ 0 60000 65536"/>
              <a:gd name="T94" fmla="*/ 0 60000 65536"/>
              <a:gd name="T95" fmla="*/ 0 60000 65536"/>
              <a:gd name="T96" fmla="*/ 0 60000 65536"/>
              <a:gd name="T97" fmla="*/ 0 60000 65536"/>
              <a:gd name="T98" fmla="*/ 0 60000 65536"/>
              <a:gd name="T99" fmla="*/ 0 60000 65536"/>
              <a:gd name="T100" fmla="*/ 0 60000 65536"/>
              <a:gd name="T101" fmla="*/ 0 60000 65536"/>
              <a:gd name="T102" fmla="*/ 0 60000 65536"/>
              <a:gd name="T103" fmla="*/ 0 60000 65536"/>
              <a:gd name="T104" fmla="*/ 0 60000 65536"/>
              <a:gd name="T105" fmla="*/ 0 60000 65536"/>
              <a:gd name="T106" fmla="*/ 0 60000 65536"/>
              <a:gd name="T107" fmla="*/ 0 60000 65536"/>
              <a:gd name="T108" fmla="*/ 0 60000 65536"/>
              <a:gd name="T109" fmla="*/ 0 60000 65536"/>
              <a:gd name="T110" fmla="*/ 0 60000 65536"/>
              <a:gd name="T111" fmla="*/ 0 60000 65536"/>
              <a:gd name="T112" fmla="*/ 0 60000 65536"/>
              <a:gd name="T113" fmla="*/ 0 60000 65536"/>
              <a:gd name="T114" fmla="*/ 0 60000 65536"/>
              <a:gd name="T115" fmla="*/ 0 60000 65536"/>
              <a:gd name="T116" fmla="*/ 0 60000 65536"/>
              <a:gd name="T117" fmla="*/ 0 60000 65536"/>
              <a:gd name="T118" fmla="*/ 0 60000 65536"/>
              <a:gd name="T119" fmla="*/ 0 60000 65536"/>
              <a:gd name="T120" fmla="*/ 0 60000 65536"/>
              <a:gd name="T121" fmla="*/ 0 60000 65536"/>
              <a:gd name="T122" fmla="*/ 0 60000 65536"/>
              <a:gd name="T123" fmla="*/ 0 60000 65536"/>
              <a:gd name="T124" fmla="*/ 0 60000 65536"/>
              <a:gd name="T125" fmla="*/ 0 60000 65536"/>
              <a:gd name="T126" fmla="*/ 0 60000 65536"/>
              <a:gd name="T127" fmla="*/ 0 60000 65536"/>
              <a:gd name="T128" fmla="*/ 0 60000 65536"/>
              <a:gd name="T129" fmla="*/ 0 60000 65536"/>
              <a:gd name="T130" fmla="*/ 0 60000 65536"/>
              <a:gd name="T131" fmla="*/ 0 60000 65536"/>
              <a:gd name="T132" fmla="*/ 0 60000 65536"/>
              <a:gd name="T133" fmla="*/ 0 60000 65536"/>
              <a:gd name="T134" fmla="*/ 0 60000 65536"/>
              <a:gd name="T135" fmla="*/ 0 w 2368"/>
              <a:gd name="T136" fmla="*/ 0 h 1464"/>
              <a:gd name="T137" fmla="*/ 2368 w 2368"/>
              <a:gd name="T138" fmla="*/ 1464 h 1464"/>
            </a:gdLst>
            <a:ahLst/>
            <a:cxnLst>
              <a:cxn ang="T90">
                <a:pos x="T0" y="T1"/>
              </a:cxn>
              <a:cxn ang="T91">
                <a:pos x="T2" y="T3"/>
              </a:cxn>
              <a:cxn ang="T92">
                <a:pos x="T4" y="T5"/>
              </a:cxn>
              <a:cxn ang="T93">
                <a:pos x="T6" y="T7"/>
              </a:cxn>
              <a:cxn ang="T94">
                <a:pos x="T8" y="T9"/>
              </a:cxn>
              <a:cxn ang="T95">
                <a:pos x="T10" y="T11"/>
              </a:cxn>
              <a:cxn ang="T96">
                <a:pos x="T12" y="T13"/>
              </a:cxn>
              <a:cxn ang="T97">
                <a:pos x="T14" y="T15"/>
              </a:cxn>
              <a:cxn ang="T98">
                <a:pos x="T16" y="T17"/>
              </a:cxn>
              <a:cxn ang="T99">
                <a:pos x="T18" y="T19"/>
              </a:cxn>
              <a:cxn ang="T100">
                <a:pos x="T20" y="T21"/>
              </a:cxn>
              <a:cxn ang="T101">
                <a:pos x="T22" y="T23"/>
              </a:cxn>
              <a:cxn ang="T102">
                <a:pos x="T24" y="T25"/>
              </a:cxn>
              <a:cxn ang="T103">
                <a:pos x="T26" y="T27"/>
              </a:cxn>
              <a:cxn ang="T104">
                <a:pos x="T28" y="T29"/>
              </a:cxn>
              <a:cxn ang="T105">
                <a:pos x="T30" y="T31"/>
              </a:cxn>
              <a:cxn ang="T106">
                <a:pos x="T32" y="T33"/>
              </a:cxn>
              <a:cxn ang="T107">
                <a:pos x="T34" y="T35"/>
              </a:cxn>
              <a:cxn ang="T108">
                <a:pos x="T36" y="T37"/>
              </a:cxn>
              <a:cxn ang="T109">
                <a:pos x="T38" y="T39"/>
              </a:cxn>
              <a:cxn ang="T110">
                <a:pos x="T40" y="T41"/>
              </a:cxn>
              <a:cxn ang="T111">
                <a:pos x="T42" y="T43"/>
              </a:cxn>
              <a:cxn ang="T112">
                <a:pos x="T44" y="T45"/>
              </a:cxn>
              <a:cxn ang="T113">
                <a:pos x="T46" y="T47"/>
              </a:cxn>
              <a:cxn ang="T114">
                <a:pos x="T48" y="T49"/>
              </a:cxn>
              <a:cxn ang="T115">
                <a:pos x="T50" y="T51"/>
              </a:cxn>
              <a:cxn ang="T116">
                <a:pos x="T52" y="T53"/>
              </a:cxn>
              <a:cxn ang="T117">
                <a:pos x="T54" y="T55"/>
              </a:cxn>
              <a:cxn ang="T118">
                <a:pos x="T56" y="T57"/>
              </a:cxn>
              <a:cxn ang="T119">
                <a:pos x="T58" y="T59"/>
              </a:cxn>
              <a:cxn ang="T120">
                <a:pos x="T60" y="T61"/>
              </a:cxn>
              <a:cxn ang="T121">
                <a:pos x="T62" y="T63"/>
              </a:cxn>
              <a:cxn ang="T122">
                <a:pos x="T64" y="T65"/>
              </a:cxn>
              <a:cxn ang="T123">
                <a:pos x="T66" y="T67"/>
              </a:cxn>
              <a:cxn ang="T124">
                <a:pos x="T68" y="T69"/>
              </a:cxn>
              <a:cxn ang="T125">
                <a:pos x="T70" y="T71"/>
              </a:cxn>
              <a:cxn ang="T126">
                <a:pos x="T72" y="T73"/>
              </a:cxn>
              <a:cxn ang="T127">
                <a:pos x="T74" y="T75"/>
              </a:cxn>
              <a:cxn ang="T128">
                <a:pos x="T76" y="T77"/>
              </a:cxn>
              <a:cxn ang="T129">
                <a:pos x="T78" y="T79"/>
              </a:cxn>
              <a:cxn ang="T130">
                <a:pos x="T80" y="T81"/>
              </a:cxn>
              <a:cxn ang="T131">
                <a:pos x="T82" y="T83"/>
              </a:cxn>
              <a:cxn ang="T132">
                <a:pos x="T84" y="T85"/>
              </a:cxn>
              <a:cxn ang="T133">
                <a:pos x="T86" y="T87"/>
              </a:cxn>
              <a:cxn ang="T134">
                <a:pos x="T88" y="T89"/>
              </a:cxn>
            </a:cxnLst>
            <a:rect l="T135" t="T136" r="T137" b="T138"/>
            <a:pathLst>
              <a:path w="2368" h="1464">
                <a:moveTo>
                  <a:pt x="1400" y="352"/>
                </a:moveTo>
                <a:cubicBezTo>
                  <a:pt x="1384" y="312"/>
                  <a:pt x="1376" y="248"/>
                  <a:pt x="1352" y="208"/>
                </a:cubicBezTo>
                <a:cubicBezTo>
                  <a:pt x="1328" y="168"/>
                  <a:pt x="1288" y="144"/>
                  <a:pt x="1256" y="112"/>
                </a:cubicBezTo>
                <a:cubicBezTo>
                  <a:pt x="1224" y="80"/>
                  <a:pt x="1200" y="32"/>
                  <a:pt x="1160" y="16"/>
                </a:cubicBezTo>
                <a:cubicBezTo>
                  <a:pt x="1120" y="0"/>
                  <a:pt x="1064" y="0"/>
                  <a:pt x="1016" y="16"/>
                </a:cubicBezTo>
                <a:cubicBezTo>
                  <a:pt x="968" y="32"/>
                  <a:pt x="904" y="80"/>
                  <a:pt x="872" y="112"/>
                </a:cubicBezTo>
                <a:cubicBezTo>
                  <a:pt x="840" y="144"/>
                  <a:pt x="840" y="176"/>
                  <a:pt x="824" y="208"/>
                </a:cubicBezTo>
                <a:cubicBezTo>
                  <a:pt x="808" y="240"/>
                  <a:pt x="808" y="272"/>
                  <a:pt x="776" y="304"/>
                </a:cubicBezTo>
                <a:cubicBezTo>
                  <a:pt x="744" y="336"/>
                  <a:pt x="672" y="384"/>
                  <a:pt x="632" y="400"/>
                </a:cubicBezTo>
                <a:cubicBezTo>
                  <a:pt x="592" y="416"/>
                  <a:pt x="576" y="408"/>
                  <a:pt x="536" y="400"/>
                </a:cubicBezTo>
                <a:cubicBezTo>
                  <a:pt x="496" y="392"/>
                  <a:pt x="432" y="360"/>
                  <a:pt x="392" y="352"/>
                </a:cubicBezTo>
                <a:cubicBezTo>
                  <a:pt x="352" y="344"/>
                  <a:pt x="344" y="336"/>
                  <a:pt x="296" y="352"/>
                </a:cubicBezTo>
                <a:cubicBezTo>
                  <a:pt x="248" y="368"/>
                  <a:pt x="152" y="416"/>
                  <a:pt x="104" y="448"/>
                </a:cubicBezTo>
                <a:cubicBezTo>
                  <a:pt x="56" y="480"/>
                  <a:pt x="16" y="512"/>
                  <a:pt x="8" y="544"/>
                </a:cubicBezTo>
                <a:cubicBezTo>
                  <a:pt x="0" y="576"/>
                  <a:pt x="24" y="616"/>
                  <a:pt x="56" y="640"/>
                </a:cubicBezTo>
                <a:cubicBezTo>
                  <a:pt x="88" y="664"/>
                  <a:pt x="144" y="680"/>
                  <a:pt x="200" y="688"/>
                </a:cubicBezTo>
                <a:cubicBezTo>
                  <a:pt x="256" y="696"/>
                  <a:pt x="344" y="680"/>
                  <a:pt x="392" y="688"/>
                </a:cubicBezTo>
                <a:cubicBezTo>
                  <a:pt x="440" y="696"/>
                  <a:pt x="456" y="712"/>
                  <a:pt x="488" y="736"/>
                </a:cubicBezTo>
                <a:cubicBezTo>
                  <a:pt x="520" y="760"/>
                  <a:pt x="544" y="800"/>
                  <a:pt x="584" y="832"/>
                </a:cubicBezTo>
                <a:cubicBezTo>
                  <a:pt x="624" y="864"/>
                  <a:pt x="688" y="912"/>
                  <a:pt x="728" y="928"/>
                </a:cubicBezTo>
                <a:cubicBezTo>
                  <a:pt x="768" y="944"/>
                  <a:pt x="784" y="936"/>
                  <a:pt x="824" y="928"/>
                </a:cubicBezTo>
                <a:cubicBezTo>
                  <a:pt x="864" y="920"/>
                  <a:pt x="928" y="888"/>
                  <a:pt x="968" y="880"/>
                </a:cubicBezTo>
                <a:cubicBezTo>
                  <a:pt x="1008" y="872"/>
                  <a:pt x="1032" y="872"/>
                  <a:pt x="1064" y="880"/>
                </a:cubicBezTo>
                <a:cubicBezTo>
                  <a:pt x="1096" y="888"/>
                  <a:pt x="1144" y="888"/>
                  <a:pt x="1160" y="928"/>
                </a:cubicBezTo>
                <a:cubicBezTo>
                  <a:pt x="1176" y="968"/>
                  <a:pt x="1168" y="1064"/>
                  <a:pt x="1160" y="1120"/>
                </a:cubicBezTo>
                <a:cubicBezTo>
                  <a:pt x="1152" y="1176"/>
                  <a:pt x="1112" y="1216"/>
                  <a:pt x="1112" y="1264"/>
                </a:cubicBezTo>
                <a:cubicBezTo>
                  <a:pt x="1112" y="1312"/>
                  <a:pt x="1120" y="1376"/>
                  <a:pt x="1160" y="1408"/>
                </a:cubicBezTo>
                <a:cubicBezTo>
                  <a:pt x="1200" y="1440"/>
                  <a:pt x="1296" y="1464"/>
                  <a:pt x="1352" y="1456"/>
                </a:cubicBezTo>
                <a:cubicBezTo>
                  <a:pt x="1408" y="1448"/>
                  <a:pt x="1456" y="1400"/>
                  <a:pt x="1496" y="1360"/>
                </a:cubicBezTo>
                <a:cubicBezTo>
                  <a:pt x="1536" y="1320"/>
                  <a:pt x="1576" y="1272"/>
                  <a:pt x="1592" y="1216"/>
                </a:cubicBezTo>
                <a:cubicBezTo>
                  <a:pt x="1608" y="1160"/>
                  <a:pt x="1592" y="1064"/>
                  <a:pt x="1592" y="1024"/>
                </a:cubicBezTo>
                <a:cubicBezTo>
                  <a:pt x="1592" y="984"/>
                  <a:pt x="1584" y="1016"/>
                  <a:pt x="1592" y="976"/>
                </a:cubicBezTo>
                <a:cubicBezTo>
                  <a:pt x="1600" y="936"/>
                  <a:pt x="1600" y="832"/>
                  <a:pt x="1640" y="784"/>
                </a:cubicBezTo>
                <a:cubicBezTo>
                  <a:pt x="1680" y="736"/>
                  <a:pt x="1760" y="688"/>
                  <a:pt x="1832" y="688"/>
                </a:cubicBezTo>
                <a:cubicBezTo>
                  <a:pt x="1904" y="688"/>
                  <a:pt x="2008" y="752"/>
                  <a:pt x="2072" y="784"/>
                </a:cubicBezTo>
                <a:cubicBezTo>
                  <a:pt x="2136" y="816"/>
                  <a:pt x="2176" y="872"/>
                  <a:pt x="2216" y="880"/>
                </a:cubicBezTo>
                <a:cubicBezTo>
                  <a:pt x="2256" y="888"/>
                  <a:pt x="2288" y="856"/>
                  <a:pt x="2312" y="832"/>
                </a:cubicBezTo>
                <a:cubicBezTo>
                  <a:pt x="2336" y="808"/>
                  <a:pt x="2368" y="776"/>
                  <a:pt x="2360" y="736"/>
                </a:cubicBezTo>
                <a:cubicBezTo>
                  <a:pt x="2352" y="696"/>
                  <a:pt x="2304" y="632"/>
                  <a:pt x="2264" y="592"/>
                </a:cubicBezTo>
                <a:cubicBezTo>
                  <a:pt x="2224" y="552"/>
                  <a:pt x="2168" y="520"/>
                  <a:pt x="2120" y="496"/>
                </a:cubicBezTo>
                <a:cubicBezTo>
                  <a:pt x="2072" y="472"/>
                  <a:pt x="2040" y="456"/>
                  <a:pt x="1976" y="448"/>
                </a:cubicBezTo>
                <a:cubicBezTo>
                  <a:pt x="1912" y="440"/>
                  <a:pt x="1808" y="440"/>
                  <a:pt x="1736" y="448"/>
                </a:cubicBezTo>
                <a:cubicBezTo>
                  <a:pt x="1664" y="456"/>
                  <a:pt x="1592" y="496"/>
                  <a:pt x="1544" y="496"/>
                </a:cubicBezTo>
                <a:cubicBezTo>
                  <a:pt x="1496" y="496"/>
                  <a:pt x="1472" y="472"/>
                  <a:pt x="1448" y="448"/>
                </a:cubicBezTo>
                <a:cubicBezTo>
                  <a:pt x="1424" y="424"/>
                  <a:pt x="1416" y="392"/>
                  <a:pt x="1400" y="352"/>
                </a:cubicBezTo>
                <a:close/>
              </a:path>
            </a:pathLst>
          </a:custGeom>
          <a:solidFill>
            <a:srgbClr val="FF0000">
              <a:alpha val="41960"/>
            </a:srgbClr>
          </a:solidFill>
          <a:ln w="9525">
            <a:noFill/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16389" name="Freeform 6"/>
          <p:cNvSpPr>
            <a:spLocks/>
          </p:cNvSpPr>
          <p:nvPr/>
        </p:nvSpPr>
        <p:spPr bwMode="auto">
          <a:xfrm>
            <a:off x="2971800" y="2819400"/>
            <a:ext cx="1092200" cy="863600"/>
          </a:xfrm>
          <a:custGeom>
            <a:avLst/>
            <a:gdLst>
              <a:gd name="T0" fmla="*/ 165100 w 688"/>
              <a:gd name="T1" fmla="*/ 330200 h 544"/>
              <a:gd name="T2" fmla="*/ 88900 w 688"/>
              <a:gd name="T3" fmla="*/ 406400 h 544"/>
              <a:gd name="T4" fmla="*/ 12700 w 688"/>
              <a:gd name="T5" fmla="*/ 558800 h 544"/>
              <a:gd name="T6" fmla="*/ 165100 w 688"/>
              <a:gd name="T7" fmla="*/ 787400 h 544"/>
              <a:gd name="T8" fmla="*/ 393700 w 688"/>
              <a:gd name="T9" fmla="*/ 863600 h 544"/>
              <a:gd name="T10" fmla="*/ 698500 w 688"/>
              <a:gd name="T11" fmla="*/ 787400 h 544"/>
              <a:gd name="T12" fmla="*/ 927100 w 688"/>
              <a:gd name="T13" fmla="*/ 711200 h 544"/>
              <a:gd name="T14" fmla="*/ 1079500 w 688"/>
              <a:gd name="T15" fmla="*/ 558800 h 544"/>
              <a:gd name="T16" fmla="*/ 1003300 w 688"/>
              <a:gd name="T17" fmla="*/ 406400 h 544"/>
              <a:gd name="T18" fmla="*/ 927100 w 688"/>
              <a:gd name="T19" fmla="*/ 406400 h 544"/>
              <a:gd name="T20" fmla="*/ 698500 w 688"/>
              <a:gd name="T21" fmla="*/ 254000 h 544"/>
              <a:gd name="T22" fmla="*/ 774700 w 688"/>
              <a:gd name="T23" fmla="*/ 177800 h 544"/>
              <a:gd name="T24" fmla="*/ 698500 w 688"/>
              <a:gd name="T25" fmla="*/ 25400 h 544"/>
              <a:gd name="T26" fmla="*/ 546100 w 688"/>
              <a:gd name="T27" fmla="*/ 25400 h 544"/>
              <a:gd name="T28" fmla="*/ 393700 w 688"/>
              <a:gd name="T29" fmla="*/ 177800 h 544"/>
              <a:gd name="T30" fmla="*/ 241300 w 688"/>
              <a:gd name="T31" fmla="*/ 330200 h 544"/>
              <a:gd name="T32" fmla="*/ 0 60000 65536"/>
              <a:gd name="T33" fmla="*/ 0 60000 65536"/>
              <a:gd name="T34" fmla="*/ 0 60000 65536"/>
              <a:gd name="T35" fmla="*/ 0 60000 65536"/>
              <a:gd name="T36" fmla="*/ 0 60000 65536"/>
              <a:gd name="T37" fmla="*/ 0 60000 65536"/>
              <a:gd name="T38" fmla="*/ 0 60000 65536"/>
              <a:gd name="T39" fmla="*/ 0 60000 65536"/>
              <a:gd name="T40" fmla="*/ 0 60000 65536"/>
              <a:gd name="T41" fmla="*/ 0 60000 65536"/>
              <a:gd name="T42" fmla="*/ 0 60000 65536"/>
              <a:gd name="T43" fmla="*/ 0 60000 65536"/>
              <a:gd name="T44" fmla="*/ 0 60000 65536"/>
              <a:gd name="T45" fmla="*/ 0 60000 65536"/>
              <a:gd name="T46" fmla="*/ 0 60000 65536"/>
              <a:gd name="T47" fmla="*/ 0 60000 65536"/>
              <a:gd name="T48" fmla="*/ 0 w 688"/>
              <a:gd name="T49" fmla="*/ 0 h 544"/>
              <a:gd name="T50" fmla="*/ 688 w 688"/>
              <a:gd name="T51" fmla="*/ 544 h 544"/>
            </a:gdLst>
            <a:ahLst/>
            <a:cxnLst>
              <a:cxn ang="T32">
                <a:pos x="T0" y="T1"/>
              </a:cxn>
              <a:cxn ang="T33">
                <a:pos x="T2" y="T3"/>
              </a:cxn>
              <a:cxn ang="T34">
                <a:pos x="T4" y="T5"/>
              </a:cxn>
              <a:cxn ang="T35">
                <a:pos x="T6" y="T7"/>
              </a:cxn>
              <a:cxn ang="T36">
                <a:pos x="T8" y="T9"/>
              </a:cxn>
              <a:cxn ang="T37">
                <a:pos x="T10" y="T11"/>
              </a:cxn>
              <a:cxn ang="T38">
                <a:pos x="T12" y="T13"/>
              </a:cxn>
              <a:cxn ang="T39">
                <a:pos x="T14" y="T15"/>
              </a:cxn>
              <a:cxn ang="T40">
                <a:pos x="T16" y="T17"/>
              </a:cxn>
              <a:cxn ang="T41">
                <a:pos x="T18" y="T19"/>
              </a:cxn>
              <a:cxn ang="T42">
                <a:pos x="T20" y="T21"/>
              </a:cxn>
              <a:cxn ang="T43">
                <a:pos x="T22" y="T23"/>
              </a:cxn>
              <a:cxn ang="T44">
                <a:pos x="T24" y="T25"/>
              </a:cxn>
              <a:cxn ang="T45">
                <a:pos x="T26" y="T27"/>
              </a:cxn>
              <a:cxn ang="T46">
                <a:pos x="T28" y="T29"/>
              </a:cxn>
              <a:cxn ang="T47">
                <a:pos x="T30" y="T31"/>
              </a:cxn>
            </a:cxnLst>
            <a:rect l="T48" t="T49" r="T50" b="T51"/>
            <a:pathLst>
              <a:path w="688" h="544">
                <a:moveTo>
                  <a:pt x="104" y="208"/>
                </a:moveTo>
                <a:cubicBezTo>
                  <a:pt x="88" y="220"/>
                  <a:pt x="72" y="232"/>
                  <a:pt x="56" y="256"/>
                </a:cubicBezTo>
                <a:cubicBezTo>
                  <a:pt x="40" y="280"/>
                  <a:pt x="0" y="312"/>
                  <a:pt x="8" y="352"/>
                </a:cubicBezTo>
                <a:cubicBezTo>
                  <a:pt x="16" y="392"/>
                  <a:pt x="64" y="464"/>
                  <a:pt x="104" y="496"/>
                </a:cubicBezTo>
                <a:cubicBezTo>
                  <a:pt x="144" y="528"/>
                  <a:pt x="192" y="544"/>
                  <a:pt x="248" y="544"/>
                </a:cubicBezTo>
                <a:cubicBezTo>
                  <a:pt x="304" y="544"/>
                  <a:pt x="384" y="512"/>
                  <a:pt x="440" y="496"/>
                </a:cubicBezTo>
                <a:cubicBezTo>
                  <a:pt x="496" y="480"/>
                  <a:pt x="544" y="472"/>
                  <a:pt x="584" y="448"/>
                </a:cubicBezTo>
                <a:cubicBezTo>
                  <a:pt x="624" y="424"/>
                  <a:pt x="672" y="384"/>
                  <a:pt x="680" y="352"/>
                </a:cubicBezTo>
                <a:cubicBezTo>
                  <a:pt x="688" y="320"/>
                  <a:pt x="648" y="272"/>
                  <a:pt x="632" y="256"/>
                </a:cubicBezTo>
                <a:cubicBezTo>
                  <a:pt x="616" y="240"/>
                  <a:pt x="616" y="272"/>
                  <a:pt x="584" y="256"/>
                </a:cubicBezTo>
                <a:cubicBezTo>
                  <a:pt x="552" y="240"/>
                  <a:pt x="456" y="184"/>
                  <a:pt x="440" y="160"/>
                </a:cubicBezTo>
                <a:cubicBezTo>
                  <a:pt x="424" y="136"/>
                  <a:pt x="488" y="136"/>
                  <a:pt x="488" y="112"/>
                </a:cubicBezTo>
                <a:cubicBezTo>
                  <a:pt x="488" y="88"/>
                  <a:pt x="464" y="32"/>
                  <a:pt x="440" y="16"/>
                </a:cubicBezTo>
                <a:cubicBezTo>
                  <a:pt x="416" y="0"/>
                  <a:pt x="376" y="0"/>
                  <a:pt x="344" y="16"/>
                </a:cubicBezTo>
                <a:cubicBezTo>
                  <a:pt x="312" y="32"/>
                  <a:pt x="280" y="80"/>
                  <a:pt x="248" y="112"/>
                </a:cubicBezTo>
                <a:cubicBezTo>
                  <a:pt x="216" y="144"/>
                  <a:pt x="184" y="176"/>
                  <a:pt x="152" y="208"/>
                </a:cubicBezTo>
              </a:path>
            </a:pathLst>
          </a:custGeom>
          <a:solidFill>
            <a:srgbClr val="990000">
              <a:alpha val="65881"/>
            </a:srgbClr>
          </a:solidFill>
          <a:ln w="9525">
            <a:noFill/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  <p:sp>
        <p:nvSpPr>
          <p:cNvPr id="16390" name="Oval 7"/>
          <p:cNvSpPr>
            <a:spLocks noChangeArrowheads="1"/>
          </p:cNvSpPr>
          <p:nvPr/>
        </p:nvSpPr>
        <p:spPr bwMode="auto">
          <a:xfrm>
            <a:off x="2362200" y="3200400"/>
            <a:ext cx="381000" cy="228600"/>
          </a:xfrm>
          <a:prstGeom prst="ellipse">
            <a:avLst/>
          </a:prstGeom>
          <a:solidFill>
            <a:srgbClr val="990000">
              <a:alpha val="56862"/>
            </a:srgbClr>
          </a:solidFill>
          <a:ln w="9525">
            <a:noFill/>
            <a:round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6391" name="Rectangle 8"/>
          <p:cNvSpPr>
            <a:spLocks noChangeArrowheads="1"/>
          </p:cNvSpPr>
          <p:nvPr/>
        </p:nvSpPr>
        <p:spPr bwMode="auto">
          <a:xfrm>
            <a:off x="0" y="5410200"/>
            <a:ext cx="533400" cy="228600"/>
          </a:xfrm>
          <a:prstGeom prst="rect">
            <a:avLst/>
          </a:prstGeom>
          <a:solidFill>
            <a:srgbClr val="990000">
              <a:alpha val="76077"/>
            </a:srgbClr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6392" name="Rectangle 9"/>
          <p:cNvSpPr>
            <a:spLocks noChangeArrowheads="1"/>
          </p:cNvSpPr>
          <p:nvPr/>
        </p:nvSpPr>
        <p:spPr bwMode="auto">
          <a:xfrm>
            <a:off x="0" y="5820229"/>
            <a:ext cx="533400" cy="228600"/>
          </a:xfrm>
          <a:prstGeom prst="rect">
            <a:avLst/>
          </a:prstGeom>
          <a:solidFill>
            <a:srgbClr val="FF0000">
              <a:alpha val="52940"/>
            </a:srgbClr>
          </a:solidFill>
          <a:ln w="9525">
            <a:solidFill>
              <a:schemeClr val="tx1"/>
            </a:solidFill>
            <a:miter lim="800000"/>
            <a:headEnd/>
            <a:tailEnd/>
          </a:ln>
        </p:spPr>
        <p:txBody>
          <a:bodyPr wrap="none" anchor="ctr"/>
          <a:lstStyle/>
          <a:p>
            <a:endParaRPr lang="en-US"/>
          </a:p>
        </p:txBody>
      </p:sp>
      <p:sp>
        <p:nvSpPr>
          <p:cNvPr id="16393" name="Text Box 10"/>
          <p:cNvSpPr txBox="1">
            <a:spLocks noChangeArrowheads="1"/>
          </p:cNvSpPr>
          <p:nvPr/>
        </p:nvSpPr>
        <p:spPr bwMode="auto">
          <a:xfrm>
            <a:off x="700315" y="5385027"/>
            <a:ext cx="1178528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 b="1" dirty="0"/>
              <a:t>Severe HW</a:t>
            </a:r>
          </a:p>
        </p:txBody>
      </p:sp>
      <p:sp>
        <p:nvSpPr>
          <p:cNvPr id="16394" name="Text Box 11"/>
          <p:cNvSpPr txBox="1">
            <a:spLocks noChangeArrowheads="1"/>
          </p:cNvSpPr>
          <p:nvPr/>
        </p:nvSpPr>
        <p:spPr bwMode="auto">
          <a:xfrm>
            <a:off x="540657" y="5773057"/>
            <a:ext cx="1418978" cy="30777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r>
              <a:rPr lang="en-US" sz="1400" b="1" dirty="0"/>
              <a:t>Moderate HW</a:t>
            </a:r>
          </a:p>
        </p:txBody>
      </p:sp>
      <p:sp>
        <p:nvSpPr>
          <p:cNvPr id="16397" name="Rectangle 14"/>
          <p:cNvSpPr>
            <a:spLocks noChangeArrowheads="1"/>
          </p:cNvSpPr>
          <p:nvPr/>
        </p:nvSpPr>
        <p:spPr bwMode="auto">
          <a:xfrm>
            <a:off x="1109922" y="0"/>
            <a:ext cx="5963492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>
            <a:spAutoFit/>
          </a:bodyPr>
          <a:lstStyle/>
          <a:p>
            <a:pPr algn="ctr"/>
            <a:r>
              <a:rPr lang="en-US" b="1" dirty="0">
                <a:solidFill>
                  <a:schemeClr val="tx2"/>
                </a:solidFill>
              </a:rPr>
              <a:t>Changing Trends of Thermal Extremes in Pakistan</a:t>
            </a:r>
          </a:p>
        </p:txBody>
      </p:sp>
    </p:spTree>
  </p:cSld>
  <p:clrMapOvr>
    <a:masterClrMapping/>
  </p:clrMapOvr>
  <p:transition>
    <p:blinds dir="vert"/>
  </p:transition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51618" name="Rectangle 2"/>
          <p:cNvSpPr>
            <a:spLocks noGrp="1" noChangeArrowheads="1"/>
          </p:cNvSpPr>
          <p:nvPr>
            <p:ph type="title"/>
          </p:nvPr>
        </p:nvSpPr>
        <p:spPr/>
        <p:txBody>
          <a:bodyPr anchor="ctr"/>
          <a:lstStyle/>
          <a:p>
            <a:r>
              <a:rPr lang="en-US">
                <a:latin typeface="Arial" charset="0"/>
              </a:rPr>
              <a:t>Tropical Cyclones</a:t>
            </a:r>
            <a:r>
              <a:rPr lang="en-US" sz="2400">
                <a:latin typeface="Arial" charset="0"/>
              </a:rPr>
              <a:t/>
            </a:r>
            <a:br>
              <a:rPr lang="en-US" sz="2400">
                <a:latin typeface="Arial" charset="0"/>
              </a:rPr>
            </a:br>
            <a:r>
              <a:rPr lang="en-US" sz="1800">
                <a:latin typeface="Arial" charset="0"/>
              </a:rPr>
              <a:t>Tracks vs. Inensity</a:t>
            </a:r>
            <a:br>
              <a:rPr lang="en-US" sz="1800">
                <a:latin typeface="Arial" charset="0"/>
              </a:rPr>
            </a:br>
            <a:r>
              <a:rPr lang="en-US" sz="1800">
                <a:solidFill>
                  <a:srgbClr val="00FFFF"/>
                </a:solidFill>
                <a:latin typeface="Arial" charset="0"/>
              </a:rPr>
              <a:t>1985-2005</a:t>
            </a:r>
          </a:p>
        </p:txBody>
      </p:sp>
      <p:pic>
        <p:nvPicPr>
          <p:cNvPr id="751620" name="Picture 4" descr="track_arabian_sea_bay_bengal1"/>
          <p:cNvPicPr>
            <a:picLocks noChangeAspect="1" noChangeArrowheads="1"/>
          </p:cNvPicPr>
          <p:nvPr/>
        </p:nvPicPr>
        <p:blipFill>
          <a:blip r:embed="rId2" cstate="print"/>
          <a:srcRect l="333" r="1500" b="4445"/>
          <a:stretch>
            <a:fillRect/>
          </a:stretch>
        </p:blipFill>
        <p:spPr bwMode="auto">
          <a:xfrm>
            <a:off x="292100" y="1841500"/>
            <a:ext cx="6400800" cy="4673600"/>
          </a:xfrm>
          <a:prstGeom prst="rect">
            <a:avLst/>
          </a:prstGeom>
          <a:noFill/>
        </p:spPr>
      </p:pic>
      <p:grpSp>
        <p:nvGrpSpPr>
          <p:cNvPr id="2" name="Group 8"/>
          <p:cNvGrpSpPr>
            <a:grpSpLocks/>
          </p:cNvGrpSpPr>
          <p:nvPr/>
        </p:nvGrpSpPr>
        <p:grpSpPr bwMode="auto">
          <a:xfrm>
            <a:off x="6781800" y="2743200"/>
            <a:ext cx="2362200" cy="3316288"/>
            <a:chOff x="4176" y="1728"/>
            <a:chExt cx="1488" cy="2089"/>
          </a:xfrm>
        </p:grpSpPr>
        <p:pic>
          <p:nvPicPr>
            <p:cNvPr id="751621" name="Picture 5" descr="New Picture copy"/>
            <p:cNvPicPr>
              <a:picLocks noChangeAspect="1" noChangeArrowheads="1"/>
            </p:cNvPicPr>
            <p:nvPr/>
          </p:nvPicPr>
          <p:blipFill>
            <a:blip r:embed="rId3" cstate="print"/>
            <a:srcRect t="12979" r="-2766"/>
            <a:stretch>
              <a:fillRect/>
            </a:stretch>
          </p:blipFill>
          <p:spPr bwMode="auto">
            <a:xfrm>
              <a:off x="4178" y="2047"/>
              <a:ext cx="1486" cy="1770"/>
            </a:xfrm>
            <a:prstGeom prst="rect">
              <a:avLst/>
            </a:prstGeom>
            <a:noFill/>
          </p:spPr>
        </p:pic>
        <p:sp>
          <p:nvSpPr>
            <p:cNvPr id="751623" name="Text Box 7"/>
            <p:cNvSpPr txBox="1">
              <a:spLocks noChangeArrowheads="1"/>
            </p:cNvSpPr>
            <p:nvPr/>
          </p:nvSpPr>
          <p:spPr bwMode="auto">
            <a:xfrm>
              <a:off x="4176" y="1728"/>
              <a:ext cx="1448" cy="326"/>
            </a:xfrm>
            <a:prstGeom prst="rect">
              <a:avLst/>
            </a:prstGeom>
            <a:solidFill>
              <a:schemeClr val="tx1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>
              <a:spAutoFit/>
            </a:bodyPr>
            <a:lstStyle/>
            <a:p>
              <a:pPr algn="ctr">
                <a:spcBef>
                  <a:spcPct val="50000"/>
                </a:spcBef>
              </a:pPr>
              <a:r>
                <a:rPr lang="en-US" sz="1400" b="1">
                  <a:solidFill>
                    <a:schemeClr val="bg2"/>
                  </a:solidFill>
                  <a:latin typeface="Tahoma" pitchFamily="34" charset="0"/>
                </a:rPr>
                <a:t>Tropical Cyclone Intensity Classification</a:t>
              </a:r>
            </a:p>
          </p:txBody>
        </p:sp>
      </p:grpSp>
      <p:grpSp>
        <p:nvGrpSpPr>
          <p:cNvPr id="3" name="Group 9"/>
          <p:cNvGrpSpPr>
            <a:grpSpLocks/>
          </p:cNvGrpSpPr>
          <p:nvPr/>
        </p:nvGrpSpPr>
        <p:grpSpPr bwMode="auto">
          <a:xfrm>
            <a:off x="0" y="0"/>
            <a:ext cx="850900" cy="711200"/>
            <a:chOff x="0" y="0"/>
            <a:chExt cx="960" cy="816"/>
          </a:xfrm>
        </p:grpSpPr>
        <p:sp>
          <p:nvSpPr>
            <p:cNvPr id="751626" name="Rectangle 10"/>
            <p:cNvSpPr>
              <a:spLocks noChangeArrowheads="1"/>
            </p:cNvSpPr>
            <p:nvPr/>
          </p:nvSpPr>
          <p:spPr bwMode="auto">
            <a:xfrm>
              <a:off x="0" y="0"/>
              <a:ext cx="960" cy="816"/>
            </a:xfrm>
            <a:prstGeom prst="rect">
              <a:avLst/>
            </a:prstGeom>
            <a:solidFill>
              <a:srgbClr val="000066"/>
            </a:solidFill>
            <a:ln w="9525">
              <a:noFill/>
              <a:miter lim="800000"/>
              <a:headEnd/>
              <a:tailEnd/>
            </a:ln>
            <a:effectLst/>
          </p:spPr>
          <p:txBody>
            <a:bodyPr wrap="none" anchor="ctr"/>
            <a:lstStyle/>
            <a:p>
              <a:endParaRPr lang="en-US"/>
            </a:p>
          </p:txBody>
        </p:sp>
        <p:sp>
          <p:nvSpPr>
            <p:cNvPr id="751627" name="WordArt 11"/>
            <p:cNvSpPr>
              <a:spLocks noChangeArrowheads="1" noChangeShapeType="1" noTextEdit="1"/>
            </p:cNvSpPr>
            <p:nvPr/>
          </p:nvSpPr>
          <p:spPr bwMode="auto">
            <a:xfrm>
              <a:off x="0" y="96"/>
              <a:ext cx="912" cy="624"/>
            </a:xfrm>
            <a:prstGeom prst="rect">
              <a:avLst/>
            </a:prstGeom>
          </p:spPr>
          <p:txBody>
            <a:bodyPr wrap="none" fromWordArt="1">
              <a:prstTxWarp prst="textPlain">
                <a:avLst>
                  <a:gd name="adj" fmla="val 50000"/>
                </a:avLst>
              </a:prstTxWarp>
            </a:bodyPr>
            <a:lstStyle/>
            <a:p>
              <a:pPr algn="ctr"/>
              <a:r>
                <a:rPr lang="en-US" sz="4800" b="1" kern="10">
                  <a:ln w="9525">
                    <a:noFill/>
                    <a:round/>
                    <a:headEnd/>
                    <a:tailEnd/>
                  </a:ln>
                  <a:solidFill>
                    <a:srgbClr val="FFFFFF"/>
                  </a:solidFill>
                  <a:latin typeface="Times New Roman"/>
                  <a:cs typeface="Times New Roman"/>
                </a:rPr>
                <a:t>PMD</a:t>
              </a:r>
            </a:p>
          </p:txBody>
        </p:sp>
      </p:grpSp>
      <p:sp>
        <p:nvSpPr>
          <p:cNvPr id="751628" name="Rectangle 12"/>
          <p:cNvSpPr>
            <a:spLocks noChangeArrowheads="1"/>
          </p:cNvSpPr>
          <p:nvPr/>
        </p:nvSpPr>
        <p:spPr bwMode="auto">
          <a:xfrm>
            <a:off x="3149600" y="3733800"/>
            <a:ext cx="812800" cy="406400"/>
          </a:xfrm>
          <a:prstGeom prst="rect">
            <a:avLst/>
          </a:prstGeom>
          <a:noFill/>
          <a:ln w="19050">
            <a:solidFill>
              <a:schemeClr val="tx1"/>
            </a:solidFill>
            <a:miter lim="800000"/>
            <a:headEnd/>
            <a:tailEnd/>
          </a:ln>
          <a:effectLst/>
        </p:spPr>
        <p:txBody>
          <a:bodyPr wrap="none" anchor="ctr"/>
          <a:lstStyle/>
          <a:p>
            <a:endParaRPr lang="en-US"/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Chart 1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03197" y="3156857"/>
            <a:ext cx="4325259" cy="3200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027" name="Chart 2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702629" y="3185885"/>
            <a:ext cx="4249057" cy="3200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1669143" y="203200"/>
            <a:ext cx="5849257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400" b="1" dirty="0" smtClean="0">
                <a:solidFill>
                  <a:schemeClr val="tx2"/>
                </a:solidFill>
              </a:rPr>
              <a:t>Frequency of Tropical Depressions and Cyclones</a:t>
            </a:r>
            <a:endParaRPr lang="en-US" sz="2400" b="1" dirty="0">
              <a:solidFill>
                <a:schemeClr val="tx2"/>
              </a:solidFill>
            </a:endParaRPr>
          </a:p>
        </p:txBody>
      </p:sp>
      <p:sp>
        <p:nvSpPr>
          <p:cNvPr id="6" name="TextBox 5"/>
          <p:cNvSpPr txBox="1"/>
          <p:nvPr/>
        </p:nvSpPr>
        <p:spPr>
          <a:xfrm>
            <a:off x="595086" y="1524000"/>
            <a:ext cx="7924800" cy="120032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just"/>
            <a:r>
              <a:rPr lang="en-US" dirty="0" smtClean="0"/>
              <a:t>For Pakistan, Tropical Cyclones were the rare phenomena  till the end of 20</a:t>
            </a:r>
            <a:r>
              <a:rPr lang="en-US" baseline="30000" dirty="0" smtClean="0"/>
              <a:t>th</a:t>
            </a:r>
            <a:r>
              <a:rPr lang="en-US" dirty="0" smtClean="0"/>
              <a:t> century. Now they are the frequent visitor of Pakistan Coast. In 2007,  two Tropical Cyclones </a:t>
            </a:r>
            <a:r>
              <a:rPr lang="en-US" dirty="0" err="1" smtClean="0"/>
              <a:t>Gonu</a:t>
            </a:r>
            <a:r>
              <a:rPr lang="en-US" dirty="0" smtClean="0"/>
              <a:t> (Category V) and </a:t>
            </a:r>
            <a:r>
              <a:rPr lang="en-US" dirty="0" err="1" smtClean="0"/>
              <a:t>Yemyin</a:t>
            </a:r>
            <a:r>
              <a:rPr lang="en-US" dirty="0" smtClean="0"/>
              <a:t> (Category III) cast vivid damage to lives and infrastructure in </a:t>
            </a:r>
            <a:r>
              <a:rPr lang="en-US" dirty="0" err="1" smtClean="0"/>
              <a:t>Sindh</a:t>
            </a:r>
            <a:r>
              <a:rPr lang="en-US" dirty="0" smtClean="0"/>
              <a:t> and </a:t>
            </a:r>
            <a:r>
              <a:rPr lang="en-US" dirty="0" err="1" smtClean="0"/>
              <a:t>Balochistan</a:t>
            </a:r>
            <a:r>
              <a:rPr lang="en-US" dirty="0" smtClean="0"/>
              <a:t>.</a:t>
            </a:r>
            <a:endParaRPr lang="en-US" dirty="0"/>
          </a:p>
        </p:txBody>
      </p:sp>
    </p:spTree>
  </p:cSld>
  <p:clrMapOvr>
    <a:masterClrMapping/>
  </p:clrMapOvr>
  <p:transition spd="med"/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5" name="Text Box 5"/>
          <p:cNvSpPr txBox="1">
            <a:spLocks noChangeArrowheads="1"/>
          </p:cNvSpPr>
          <p:nvPr/>
        </p:nvSpPr>
        <p:spPr bwMode="auto">
          <a:xfrm>
            <a:off x="609600" y="0"/>
            <a:ext cx="7696200" cy="113877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 eaLnBrk="0" hangingPunct="0">
              <a:spcBef>
                <a:spcPct val="50000"/>
              </a:spcBef>
            </a:pPr>
            <a:r>
              <a:rPr lang="en-US" sz="3200" b="1" dirty="0" smtClean="0">
                <a:solidFill>
                  <a:srgbClr val="FF3300"/>
                </a:solidFill>
              </a:rPr>
              <a:t>Sea </a:t>
            </a:r>
            <a:r>
              <a:rPr lang="en-US" sz="3200" b="1" dirty="0">
                <a:solidFill>
                  <a:srgbClr val="FF3300"/>
                </a:solidFill>
              </a:rPr>
              <a:t>Surface Temperature</a:t>
            </a:r>
            <a:r>
              <a:rPr lang="en-US" sz="2400" b="1" dirty="0">
                <a:solidFill>
                  <a:srgbClr val="0000FF"/>
                </a:solidFill>
              </a:rPr>
              <a:t> </a:t>
            </a:r>
            <a:endParaRPr lang="en-US" sz="2400" b="1" dirty="0" smtClean="0">
              <a:solidFill>
                <a:srgbClr val="0000FF"/>
              </a:solidFill>
            </a:endParaRPr>
          </a:p>
          <a:p>
            <a:pPr algn="ctr" eaLnBrk="0" hangingPunct="0">
              <a:spcBef>
                <a:spcPct val="50000"/>
              </a:spcBef>
            </a:pPr>
            <a:r>
              <a:rPr lang="en-US" sz="2400" b="1" dirty="0" smtClean="0">
                <a:solidFill>
                  <a:srgbClr val="0000FF"/>
                </a:solidFill>
              </a:rPr>
              <a:t>Arabian </a:t>
            </a:r>
            <a:r>
              <a:rPr lang="en-US" sz="2400" b="1" dirty="0">
                <a:solidFill>
                  <a:srgbClr val="0000FF"/>
                </a:solidFill>
              </a:rPr>
              <a:t>Sea and Bay of Bengal</a:t>
            </a:r>
            <a:endParaRPr lang="en-US" sz="2400" b="1" dirty="0">
              <a:solidFill>
                <a:srgbClr val="FF66FF"/>
              </a:solidFill>
            </a:endParaRPr>
          </a:p>
        </p:txBody>
      </p:sp>
      <p:sp>
        <p:nvSpPr>
          <p:cNvPr id="5" name="TextBox 4"/>
          <p:cNvSpPr txBox="1"/>
          <p:nvPr/>
        </p:nvSpPr>
        <p:spPr>
          <a:xfrm>
            <a:off x="449942" y="1371600"/>
            <a:ext cx="8200571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dirty="0" smtClean="0"/>
              <a:t>Due to Rise in SST of Arabian Sea </a:t>
            </a:r>
            <a:r>
              <a:rPr lang="en-US" dirty="0" err="1" smtClean="0"/>
              <a:t>Cyclogenesis</a:t>
            </a:r>
            <a:r>
              <a:rPr lang="en-US" dirty="0" smtClean="0"/>
              <a:t>  activity has enhanced to produce Tropical Cyclones which may hit coastal area of Pakistan frequently</a:t>
            </a:r>
            <a:endParaRPr lang="en-US" dirty="0"/>
          </a:p>
        </p:txBody>
      </p:sp>
      <p:pic>
        <p:nvPicPr>
          <p:cNvPr id="1026" name="Chart 1"/>
          <p:cNvPicPr>
            <a:picLocks noChangeArrowheads="1"/>
          </p:cNvPicPr>
          <p:nvPr/>
        </p:nvPicPr>
        <p:blipFill>
          <a:blip r:embed="rId2" cstate="print"/>
          <a:srcRect b="-21"/>
          <a:stretch>
            <a:fillRect/>
          </a:stretch>
        </p:blipFill>
        <p:spPr bwMode="auto">
          <a:xfrm>
            <a:off x="464458" y="2336800"/>
            <a:ext cx="8244114" cy="431074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756738" name="Picture 2" descr="800px-Gonu_2007_track"/>
          <p:cNvPicPr>
            <a:picLocks noChangeAspect="1" noChangeArrowheads="1"/>
          </p:cNvPicPr>
          <p:nvPr/>
        </p:nvPicPr>
        <p:blipFill>
          <a:blip r:embed="rId2" cstate="print"/>
          <a:srcRect l="20000" t="22098"/>
          <a:stretch>
            <a:fillRect/>
          </a:stretch>
        </p:blipFill>
        <p:spPr bwMode="auto">
          <a:xfrm>
            <a:off x="4611688" y="2113189"/>
            <a:ext cx="4532312" cy="4316639"/>
          </a:xfrm>
          <a:prstGeom prst="rect">
            <a:avLst/>
          </a:prstGeom>
          <a:noFill/>
          <a:ln w="9525">
            <a:solidFill>
              <a:schemeClr val="tx1"/>
            </a:solidFill>
            <a:miter lim="800000"/>
            <a:headEnd/>
            <a:tailEnd/>
          </a:ln>
        </p:spPr>
      </p:pic>
      <p:sp>
        <p:nvSpPr>
          <p:cNvPr id="756740" name="Text Box 4"/>
          <p:cNvSpPr txBox="1">
            <a:spLocks noChangeArrowheads="1"/>
          </p:cNvSpPr>
          <p:nvPr/>
        </p:nvSpPr>
        <p:spPr bwMode="auto">
          <a:xfrm>
            <a:off x="1629229" y="1786392"/>
            <a:ext cx="1524000" cy="36933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altLang="zh-CN" b="1" dirty="0" err="1" smtClean="0">
                <a:solidFill>
                  <a:schemeClr val="tx2"/>
                </a:solidFill>
                <a:ea typeface="宋体" pitchFamily="2" charset="-122"/>
              </a:rPr>
              <a:t>Yemyin</a:t>
            </a:r>
            <a:endParaRPr lang="en-US" altLang="zh-CN" b="1" dirty="0">
              <a:solidFill>
                <a:schemeClr val="tx2"/>
              </a:solidFill>
              <a:ea typeface="宋体" pitchFamily="2" charset="-122"/>
            </a:endParaRPr>
          </a:p>
        </p:txBody>
      </p:sp>
      <p:sp>
        <p:nvSpPr>
          <p:cNvPr id="756741" name="Text Box 5"/>
          <p:cNvSpPr txBox="1">
            <a:spLocks noChangeArrowheads="1"/>
          </p:cNvSpPr>
          <p:nvPr/>
        </p:nvSpPr>
        <p:spPr bwMode="auto">
          <a:xfrm>
            <a:off x="5745617" y="1772103"/>
            <a:ext cx="2413000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altLang="zh-CN" b="1" dirty="0" err="1" smtClean="0">
                <a:solidFill>
                  <a:schemeClr val="tx2"/>
                </a:solidFill>
                <a:ea typeface="宋体" pitchFamily="2" charset="-122"/>
              </a:rPr>
              <a:t>Gonu</a:t>
            </a:r>
            <a:endParaRPr lang="en-US" altLang="zh-CN" b="1" dirty="0">
              <a:solidFill>
                <a:schemeClr val="tx2"/>
              </a:solidFill>
              <a:ea typeface="宋体" pitchFamily="2" charset="-122"/>
            </a:endParaRPr>
          </a:p>
        </p:txBody>
      </p:sp>
      <p:sp>
        <p:nvSpPr>
          <p:cNvPr id="756742" name="Text Box 6"/>
          <p:cNvSpPr txBox="1">
            <a:spLocks noChangeArrowheads="1"/>
          </p:cNvSpPr>
          <p:nvPr/>
        </p:nvSpPr>
        <p:spPr bwMode="auto">
          <a:xfrm>
            <a:off x="478972" y="242888"/>
            <a:ext cx="8186058" cy="9541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wrap="square">
            <a:spAutoFit/>
          </a:bodyPr>
          <a:lstStyle/>
          <a:p>
            <a:pPr algn="ctr" eaLnBrk="0" hangingPunct="0"/>
            <a:r>
              <a:rPr lang="en-US" altLang="zh-CN" sz="2800" b="1" dirty="0" smtClean="0">
                <a:solidFill>
                  <a:schemeClr val="tx2"/>
                </a:solidFill>
                <a:ea typeface="宋体" pitchFamily="2" charset="-122"/>
              </a:rPr>
              <a:t>Landfall of </a:t>
            </a:r>
            <a:r>
              <a:rPr lang="en-US" altLang="zh-CN" sz="2800" b="1" dirty="0" err="1" smtClean="0">
                <a:solidFill>
                  <a:schemeClr val="tx2"/>
                </a:solidFill>
                <a:ea typeface="宋体" pitchFamily="2" charset="-122"/>
              </a:rPr>
              <a:t>Yemyin</a:t>
            </a:r>
            <a:r>
              <a:rPr lang="en-US" altLang="zh-CN" sz="2800" b="1" dirty="0" smtClean="0">
                <a:solidFill>
                  <a:schemeClr val="tx2"/>
                </a:solidFill>
                <a:ea typeface="宋体" pitchFamily="2" charset="-122"/>
              </a:rPr>
              <a:t> and </a:t>
            </a:r>
            <a:r>
              <a:rPr lang="en-US" altLang="zh-CN" sz="2800" b="1" dirty="0" err="1" smtClean="0">
                <a:solidFill>
                  <a:schemeClr val="tx2"/>
                </a:solidFill>
                <a:ea typeface="宋体" pitchFamily="2" charset="-122"/>
              </a:rPr>
              <a:t>Gonu</a:t>
            </a:r>
            <a:r>
              <a:rPr lang="en-US" altLang="zh-CN" sz="2800" b="1" dirty="0" smtClean="0">
                <a:solidFill>
                  <a:schemeClr val="tx2"/>
                </a:solidFill>
                <a:ea typeface="宋体" pitchFamily="2" charset="-122"/>
              </a:rPr>
              <a:t> Trop. Cyclones</a:t>
            </a:r>
          </a:p>
          <a:p>
            <a:pPr algn="ctr" eaLnBrk="0" hangingPunct="0"/>
            <a:r>
              <a:rPr lang="en-US" altLang="zh-CN" sz="2800" b="1" dirty="0" smtClean="0">
                <a:solidFill>
                  <a:srgbClr val="FFC000"/>
                </a:solidFill>
                <a:ea typeface="宋体" pitchFamily="2" charset="-122"/>
              </a:rPr>
              <a:t>June 2007</a:t>
            </a:r>
            <a:endParaRPr lang="en-US" altLang="zh-CN" sz="2800" b="1" dirty="0">
              <a:solidFill>
                <a:srgbClr val="FFC000"/>
              </a:solidFill>
              <a:ea typeface="宋体" pitchFamily="2" charset="-122"/>
            </a:endParaRPr>
          </a:p>
        </p:txBody>
      </p:sp>
      <p:pic>
        <p:nvPicPr>
          <p:cNvPr id="10" name="Picture 3" descr="Yemyin_2007_track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2113190"/>
            <a:ext cx="4433887" cy="4352925"/>
          </a:xfrm>
          <a:prstGeom prst="rect">
            <a:avLst/>
          </a:prstGeom>
          <a:noFill/>
        </p:spPr>
      </p:pic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2" name="Chart 1"/>
          <p:cNvGraphicFramePr/>
          <p:nvPr/>
        </p:nvGraphicFramePr>
        <p:xfrm>
          <a:off x="243115" y="1480459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275772" y="544285"/>
            <a:ext cx="8077200" cy="258762"/>
          </a:xfrm>
        </p:spPr>
        <p:txBody>
          <a:bodyPr>
            <a:noAutofit/>
          </a:bodyPr>
          <a:lstStyle/>
          <a:p>
            <a:r>
              <a:rPr lang="en-US" sz="2400" b="1" u="sng" dirty="0" smtClean="0">
                <a:solidFill>
                  <a:srgbClr val="00B0F0"/>
                </a:solidFill>
                <a:latin typeface="Times New Roman" pitchFamily="18" charset="0"/>
                <a:cs typeface="Times New Roman" pitchFamily="18" charset="0"/>
              </a:rPr>
              <a:t>Annual Mean Precipitation(mm)1901-2011</a:t>
            </a:r>
            <a:endParaRPr lang="en-US" sz="2400" b="1" u="sng" dirty="0">
              <a:solidFill>
                <a:srgbClr val="00B0F0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6" name="Chart 5"/>
          <p:cNvGraphicFramePr/>
          <p:nvPr/>
        </p:nvGraphicFramePr>
        <p:xfrm>
          <a:off x="214086" y="4953000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7" name="Chart 6"/>
          <p:cNvGraphicFramePr/>
          <p:nvPr/>
        </p:nvGraphicFramePr>
        <p:xfrm>
          <a:off x="4510314" y="3200400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8" name="Chart 7"/>
          <p:cNvGraphicFramePr/>
          <p:nvPr/>
        </p:nvGraphicFramePr>
        <p:xfrm>
          <a:off x="4510314" y="4894943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10" name="Chart 9"/>
          <p:cNvGraphicFramePr/>
          <p:nvPr/>
        </p:nvGraphicFramePr>
        <p:xfrm>
          <a:off x="4481285" y="1494970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9" name="Chart 8"/>
          <p:cNvGraphicFramePr/>
          <p:nvPr/>
        </p:nvGraphicFramePr>
        <p:xfrm>
          <a:off x="257628" y="3258457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</p:spTree>
  </p:cSld>
  <p:clrMapOvr>
    <a:masterClrMapping/>
  </p:clrMapOvr>
  <p:transition spd="med"/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95514" y="457200"/>
            <a:ext cx="8229600" cy="334962"/>
          </a:xfrm>
        </p:spPr>
        <p:txBody>
          <a:bodyPr>
            <a:normAutofit fontScale="90000"/>
          </a:bodyPr>
          <a:lstStyle/>
          <a:p>
            <a:r>
              <a:rPr lang="en-US" sz="2400" b="1" u="sng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Annual Mean Temperature(</a:t>
            </a:r>
            <a:r>
              <a:rPr lang="en-US" sz="2400" b="1" u="sng" baseline="30000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o</a:t>
            </a:r>
            <a:r>
              <a:rPr lang="en-US" sz="2400" b="1" u="sng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C</a:t>
            </a:r>
            <a:r>
              <a:rPr lang="en-US" sz="2400" b="1" u="sng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)1901-2011</a:t>
            </a:r>
            <a:endParaRPr lang="en-US" sz="2400" b="1" u="sng" dirty="0">
              <a:solidFill>
                <a:schemeClr val="tx2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3" name="Chart 2"/>
          <p:cNvGraphicFramePr/>
          <p:nvPr/>
        </p:nvGraphicFramePr>
        <p:xfrm>
          <a:off x="228600" y="3135086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4" name="Chart 3"/>
          <p:cNvGraphicFramePr/>
          <p:nvPr/>
        </p:nvGraphicFramePr>
        <p:xfrm>
          <a:off x="228600" y="1458686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5" name="Chart 4"/>
          <p:cNvGraphicFramePr/>
          <p:nvPr/>
        </p:nvGraphicFramePr>
        <p:xfrm>
          <a:off x="4481285" y="1487714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6" name="Chart 5"/>
          <p:cNvGraphicFramePr/>
          <p:nvPr/>
        </p:nvGraphicFramePr>
        <p:xfrm>
          <a:off x="228600" y="4811486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7" name="Chart 6"/>
          <p:cNvGraphicFramePr/>
          <p:nvPr/>
        </p:nvGraphicFramePr>
        <p:xfrm>
          <a:off x="4495800" y="3135086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8" name="Chart 7"/>
          <p:cNvGraphicFramePr/>
          <p:nvPr/>
        </p:nvGraphicFramePr>
        <p:xfrm>
          <a:off x="4495800" y="4811486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</p:spTree>
  </p:cSld>
  <p:clrMapOvr>
    <a:masterClrMapping/>
  </p:clrMapOvr>
  <p:transition spd="med"/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08428" y="504371"/>
            <a:ext cx="8229600" cy="304800"/>
          </a:xfrm>
        </p:spPr>
        <p:txBody>
          <a:bodyPr>
            <a:normAutofit fontScale="90000"/>
          </a:bodyPr>
          <a:lstStyle/>
          <a:p>
            <a:r>
              <a:rPr lang="en-US" sz="2400" b="1" u="sng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Annual Mean Minimum Temperature(</a:t>
            </a:r>
            <a:r>
              <a:rPr lang="en-US" sz="2400" b="1" u="sng" baseline="30000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o</a:t>
            </a:r>
            <a:r>
              <a:rPr lang="en-US" sz="2400" b="1" u="sng" dirty="0" err="1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C</a:t>
            </a:r>
            <a:r>
              <a:rPr lang="en-US" sz="2400" b="1" u="sng" dirty="0" smtClean="0">
                <a:solidFill>
                  <a:schemeClr val="tx2"/>
                </a:solidFill>
                <a:latin typeface="Times New Roman" pitchFamily="18" charset="0"/>
                <a:cs typeface="Times New Roman" pitchFamily="18" charset="0"/>
              </a:rPr>
              <a:t>)1901-2011</a:t>
            </a:r>
            <a:endParaRPr lang="en-US" sz="2400" b="1" u="sng" dirty="0">
              <a:solidFill>
                <a:schemeClr val="tx2"/>
              </a:solidFill>
              <a:latin typeface="Times New Roman" pitchFamily="18" charset="0"/>
              <a:cs typeface="Times New Roman" pitchFamily="18" charset="0"/>
            </a:endParaRPr>
          </a:p>
        </p:txBody>
      </p:sp>
      <p:graphicFrame>
        <p:nvGraphicFramePr>
          <p:cNvPr id="3" name="Chart 2"/>
          <p:cNvGraphicFramePr/>
          <p:nvPr/>
        </p:nvGraphicFramePr>
        <p:xfrm>
          <a:off x="275771" y="1498600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graphicFrame>
        <p:nvGraphicFramePr>
          <p:cNvPr id="4" name="Chart 3"/>
          <p:cNvGraphicFramePr/>
          <p:nvPr/>
        </p:nvGraphicFramePr>
        <p:xfrm>
          <a:off x="275771" y="3175000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5" name="Chart 4"/>
          <p:cNvGraphicFramePr/>
          <p:nvPr/>
        </p:nvGraphicFramePr>
        <p:xfrm>
          <a:off x="4542971" y="1498600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6" name="Chart 5"/>
          <p:cNvGraphicFramePr/>
          <p:nvPr/>
        </p:nvGraphicFramePr>
        <p:xfrm>
          <a:off x="275771" y="4851400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7" name="Chart 6"/>
          <p:cNvGraphicFramePr/>
          <p:nvPr/>
        </p:nvGraphicFramePr>
        <p:xfrm>
          <a:off x="4542971" y="3175000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8" name="Chart 7"/>
          <p:cNvGraphicFramePr/>
          <p:nvPr/>
        </p:nvGraphicFramePr>
        <p:xfrm>
          <a:off x="4542971" y="4851400"/>
          <a:ext cx="4114800" cy="155448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</p:spTree>
  </p:cSld>
  <p:clrMapOvr>
    <a:masterClrMapping/>
  </p:clrMapOvr>
  <p:transition spd="med"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8914" name="TextBox 1"/>
          <p:cNvSpPr txBox="1">
            <a:spLocks noChangeArrowheads="1"/>
          </p:cNvSpPr>
          <p:nvPr/>
        </p:nvSpPr>
        <p:spPr bwMode="auto">
          <a:xfrm>
            <a:off x="228600" y="533400"/>
            <a:ext cx="8915400" cy="5847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square">
            <a:spAutoFit/>
          </a:bodyPr>
          <a:lstStyle/>
          <a:p>
            <a:r>
              <a:rPr lang="en-US" sz="3200" b="1" dirty="0">
                <a:solidFill>
                  <a:srgbClr val="FF0000"/>
                </a:solidFill>
              </a:rPr>
              <a:t>Frequency of Extreme Events is </a:t>
            </a:r>
            <a:r>
              <a:rPr lang="en-US" sz="3200" b="1" dirty="0" smtClean="0">
                <a:solidFill>
                  <a:srgbClr val="FF0000"/>
                </a:solidFill>
              </a:rPr>
              <a:t>Increasing</a:t>
            </a:r>
            <a:endParaRPr lang="en-US" sz="3200" b="1" dirty="0">
              <a:solidFill>
                <a:srgbClr val="FF0000"/>
              </a:solidFill>
            </a:endParaRPr>
          </a:p>
        </p:txBody>
      </p:sp>
      <p:sp>
        <p:nvSpPr>
          <p:cNvPr id="38915" name="TextBox 2"/>
          <p:cNvSpPr txBox="1">
            <a:spLocks noChangeArrowheads="1"/>
          </p:cNvSpPr>
          <p:nvPr/>
        </p:nvSpPr>
        <p:spPr bwMode="auto">
          <a:xfrm>
            <a:off x="381000" y="1447800"/>
            <a:ext cx="8305800" cy="384720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buFont typeface="Wingdings" pitchFamily="2" charset="2"/>
              <a:buChar char="Ø"/>
            </a:pPr>
            <a:r>
              <a:rPr lang="en-US" sz="2800" dirty="0">
                <a:solidFill>
                  <a:srgbClr val="FFC000"/>
                </a:solidFill>
                <a:latin typeface="Arial Rounded MT Bold" pitchFamily="34" charset="0"/>
              </a:rPr>
              <a:t> Cloudburst Events </a:t>
            </a:r>
            <a:r>
              <a:rPr lang="en-US" sz="2000" dirty="0">
                <a:latin typeface="Arial Rounded MT Bold" pitchFamily="34" charset="0"/>
              </a:rPr>
              <a:t>2001, 2003, 2007, </a:t>
            </a:r>
            <a:r>
              <a:rPr lang="en-US" sz="2000" dirty="0" smtClean="0">
                <a:latin typeface="Arial Rounded MT Bold" pitchFamily="34" charset="0"/>
              </a:rPr>
              <a:t>2008,2009, 2010, 2011, 2012</a:t>
            </a:r>
            <a:endParaRPr lang="en-US" sz="2000" dirty="0">
              <a:latin typeface="Arial Rounded MT Bold" pitchFamily="34" charset="0"/>
            </a:endParaRPr>
          </a:p>
          <a:p>
            <a:pPr>
              <a:buFont typeface="Wingdings" pitchFamily="2" charset="2"/>
              <a:buChar char="Ø"/>
            </a:pPr>
            <a:r>
              <a:rPr lang="en-US" sz="2800" dirty="0">
                <a:solidFill>
                  <a:srgbClr val="CC6600"/>
                </a:solidFill>
                <a:latin typeface="Arial Rounded MT Bold" pitchFamily="34" charset="0"/>
              </a:rPr>
              <a:t>Prolonged Drought </a:t>
            </a:r>
            <a:r>
              <a:rPr lang="en-US" sz="2800" dirty="0" smtClean="0">
                <a:solidFill>
                  <a:srgbClr val="CC6600"/>
                </a:solidFill>
                <a:latin typeface="Arial Rounded MT Bold" pitchFamily="34" charset="0"/>
              </a:rPr>
              <a:t>1998-2002</a:t>
            </a:r>
            <a:endParaRPr lang="en-US" sz="2800" dirty="0">
              <a:solidFill>
                <a:srgbClr val="CC6600"/>
              </a:solidFill>
              <a:latin typeface="Arial Rounded MT Bold" pitchFamily="34" charset="0"/>
            </a:endParaRPr>
          </a:p>
          <a:p>
            <a:pPr>
              <a:buFont typeface="Wingdings" pitchFamily="2" charset="2"/>
              <a:buChar char="Ø"/>
            </a:pPr>
            <a:r>
              <a:rPr lang="en-US" sz="2800" dirty="0">
                <a:latin typeface="Arial Rounded MT Bold" pitchFamily="34" charset="0"/>
              </a:rPr>
              <a:t>Historic River </a:t>
            </a:r>
            <a:r>
              <a:rPr lang="en-US" sz="2800" dirty="0" smtClean="0">
                <a:latin typeface="Arial Rounded MT Bold" pitchFamily="34" charset="0"/>
              </a:rPr>
              <a:t>Flooding </a:t>
            </a:r>
            <a:r>
              <a:rPr lang="en-US" sz="2800" dirty="0" smtClean="0">
                <a:solidFill>
                  <a:srgbClr val="C00000"/>
                </a:solidFill>
                <a:latin typeface="Arial Rounded MT Bold" pitchFamily="34" charset="0"/>
              </a:rPr>
              <a:t>2010, 2011, 2012</a:t>
            </a:r>
            <a:endParaRPr lang="en-US" sz="2800" dirty="0">
              <a:latin typeface="Arial Rounded MT Bold" pitchFamily="34" charset="0"/>
            </a:endParaRPr>
          </a:p>
          <a:p>
            <a:pPr>
              <a:buFont typeface="Wingdings" pitchFamily="2" charset="2"/>
              <a:buChar char="Ø"/>
            </a:pPr>
            <a:r>
              <a:rPr lang="en-US" sz="2800" dirty="0">
                <a:solidFill>
                  <a:srgbClr val="00B0F0"/>
                </a:solidFill>
                <a:latin typeface="Arial Rounded MT Bold" pitchFamily="34" charset="0"/>
              </a:rPr>
              <a:t>Tropical Cyclones </a:t>
            </a:r>
            <a:r>
              <a:rPr lang="en-US" sz="2000" dirty="0" smtClean="0">
                <a:solidFill>
                  <a:srgbClr val="FFFF00"/>
                </a:solidFill>
                <a:latin typeface="Arial Rounded MT Bold" pitchFamily="34" charset="0"/>
              </a:rPr>
              <a:t>1999,2007,2009,2010, 2011, 2012</a:t>
            </a:r>
            <a:endParaRPr lang="en-US" sz="2000" dirty="0">
              <a:solidFill>
                <a:srgbClr val="FFFF00"/>
              </a:solidFill>
              <a:latin typeface="Arial Rounded MT Bold" pitchFamily="34" charset="0"/>
            </a:endParaRPr>
          </a:p>
          <a:p>
            <a:pPr>
              <a:buFont typeface="Wingdings" pitchFamily="2" charset="2"/>
              <a:buChar char="Ø"/>
            </a:pPr>
            <a:r>
              <a:rPr lang="en-US" sz="2800" dirty="0" smtClean="0">
                <a:solidFill>
                  <a:srgbClr val="DD23BA"/>
                </a:solidFill>
                <a:latin typeface="Arial Rounded MT Bold" pitchFamily="34" charset="0"/>
              </a:rPr>
              <a:t>Heat </a:t>
            </a:r>
            <a:r>
              <a:rPr lang="en-US" sz="2800" dirty="0">
                <a:solidFill>
                  <a:srgbClr val="DD23BA"/>
                </a:solidFill>
                <a:latin typeface="Arial Rounded MT Bold" pitchFamily="34" charset="0"/>
              </a:rPr>
              <a:t>Waves in Spring 2006, 2007, </a:t>
            </a:r>
            <a:r>
              <a:rPr lang="en-US" sz="2800" dirty="0" smtClean="0">
                <a:solidFill>
                  <a:srgbClr val="DD23BA"/>
                </a:solidFill>
                <a:latin typeface="Arial Rounded MT Bold" pitchFamily="34" charset="0"/>
              </a:rPr>
              <a:t>2010, 2011 </a:t>
            </a:r>
            <a:r>
              <a:rPr lang="en-US" sz="2800" dirty="0">
                <a:solidFill>
                  <a:srgbClr val="DD23BA"/>
                </a:solidFill>
                <a:latin typeface="Arial Rounded MT Bold" pitchFamily="34" charset="0"/>
              </a:rPr>
              <a:t>	(Reduced wheat yield)</a:t>
            </a:r>
          </a:p>
          <a:p>
            <a:pPr>
              <a:buFont typeface="Wingdings" pitchFamily="2" charset="2"/>
              <a:buChar char="Ø"/>
            </a:pPr>
            <a:r>
              <a:rPr lang="en-US" sz="2800" dirty="0">
                <a:latin typeface="Arial Rounded MT Bold" pitchFamily="34" charset="0"/>
              </a:rPr>
              <a:t>Snowmelt flooding 2005, 2007 and 2010</a:t>
            </a:r>
          </a:p>
          <a:p>
            <a:pPr>
              <a:buFont typeface="Wingdings" pitchFamily="2" charset="2"/>
              <a:buChar char="Ø"/>
            </a:pPr>
            <a:r>
              <a:rPr lang="en-US" sz="2800" dirty="0">
                <a:solidFill>
                  <a:srgbClr val="FFC000"/>
                </a:solidFill>
                <a:latin typeface="Arial Rounded MT Bold" pitchFamily="34" charset="0"/>
              </a:rPr>
              <a:t>Drought at sowing </a:t>
            </a:r>
            <a:r>
              <a:rPr lang="en-US" sz="2800" dirty="0" smtClean="0">
                <a:solidFill>
                  <a:srgbClr val="FFC000"/>
                </a:solidFill>
                <a:latin typeface="Arial Rounded MT Bold" pitchFamily="34" charset="0"/>
              </a:rPr>
              <a:t>stage 2009, 2010, 2011</a:t>
            </a:r>
            <a:endParaRPr lang="en-US" sz="2800" dirty="0">
              <a:solidFill>
                <a:srgbClr val="FFC000"/>
              </a:solidFill>
              <a:latin typeface="Arial Rounded MT Bold" pitchFamily="34" charset="0"/>
            </a:endParaRPr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8914" name="Group 2"/>
          <p:cNvGrpSpPr>
            <a:grpSpLocks/>
          </p:cNvGrpSpPr>
          <p:nvPr/>
        </p:nvGrpSpPr>
        <p:grpSpPr bwMode="auto">
          <a:xfrm>
            <a:off x="122238" y="466725"/>
            <a:ext cx="8964612" cy="5024438"/>
            <a:chOff x="640" y="724"/>
            <a:chExt cx="4693" cy="3165"/>
          </a:xfrm>
        </p:grpSpPr>
        <p:sp>
          <p:nvSpPr>
            <p:cNvPr id="38915" name="Rectangle 3"/>
            <p:cNvSpPr>
              <a:spLocks noChangeArrowheads="1"/>
            </p:cNvSpPr>
            <p:nvPr/>
          </p:nvSpPr>
          <p:spPr bwMode="auto">
            <a:xfrm>
              <a:off x="1648" y="724"/>
              <a:ext cx="3068" cy="482"/>
            </a:xfrm>
            <a:prstGeom prst="rect">
              <a:avLst/>
            </a:prstGeom>
            <a:solidFill>
              <a:schemeClr val="tx1"/>
            </a:solidFill>
            <a:ln w="38100">
              <a:solidFill>
                <a:schemeClr val="tx2"/>
              </a:solidFill>
              <a:miter lim="800000"/>
              <a:headEnd/>
              <a:tailEnd/>
            </a:ln>
          </p:spPr>
          <p:txBody>
            <a:bodyPr lIns="69494" tIns="34747" rIns="69494" bIns="34747" anchor="ctr"/>
            <a:lstStyle/>
            <a:p>
              <a:pPr algn="ctr"/>
              <a:r>
                <a:rPr lang="en-US" altLang="zh-CN" sz="3200" b="1">
                  <a:solidFill>
                    <a:srgbClr val="FF3300"/>
                  </a:solidFill>
                  <a:latin typeface="Arial" pitchFamily="34" charset="0"/>
                  <a:ea typeface="黑体"/>
                  <a:cs typeface="黑体"/>
                </a:rPr>
                <a:t>Reasons for Climate Change</a:t>
              </a:r>
            </a:p>
          </p:txBody>
        </p:sp>
        <p:sp>
          <p:nvSpPr>
            <p:cNvPr id="38916" name="Line 4"/>
            <p:cNvSpPr>
              <a:spLocks noChangeShapeType="1"/>
            </p:cNvSpPr>
            <p:nvPr/>
          </p:nvSpPr>
          <p:spPr bwMode="auto">
            <a:xfrm>
              <a:off x="3182" y="1205"/>
              <a:ext cx="1" cy="220"/>
            </a:xfrm>
            <a:prstGeom prst="line">
              <a:avLst/>
            </a:prstGeom>
            <a:noFill/>
            <a:ln w="25400">
              <a:solidFill>
                <a:schemeClr val="tx2"/>
              </a:solidFill>
              <a:round/>
              <a:headEnd/>
              <a:tailEnd type="triangle" w="lg" len="lg"/>
            </a:ln>
          </p:spPr>
          <p:txBody>
            <a:bodyPr anchor="ctr"/>
            <a:lstStyle/>
            <a:p>
              <a:endParaRPr lang="en-US"/>
            </a:p>
          </p:txBody>
        </p:sp>
        <p:grpSp>
          <p:nvGrpSpPr>
            <p:cNvPr id="38917" name="Group 5"/>
            <p:cNvGrpSpPr>
              <a:grpSpLocks/>
            </p:cNvGrpSpPr>
            <p:nvPr/>
          </p:nvGrpSpPr>
          <p:grpSpPr bwMode="auto">
            <a:xfrm>
              <a:off x="3415" y="2282"/>
              <a:ext cx="1918" cy="1591"/>
              <a:chOff x="3415" y="2252"/>
              <a:chExt cx="1918" cy="1591"/>
            </a:xfrm>
          </p:grpSpPr>
          <p:sp>
            <p:nvSpPr>
              <p:cNvPr id="38938" name="Rectangle 6"/>
              <p:cNvSpPr>
                <a:spLocks noChangeArrowheads="1"/>
              </p:cNvSpPr>
              <p:nvPr/>
            </p:nvSpPr>
            <p:spPr bwMode="auto">
              <a:xfrm>
                <a:off x="3415" y="2483"/>
                <a:ext cx="408" cy="1360"/>
              </a:xfrm>
              <a:prstGeom prst="rect">
                <a:avLst/>
              </a:prstGeom>
              <a:solidFill>
                <a:schemeClr val="tx1"/>
              </a:solidFill>
              <a:ln w="25400">
                <a:solidFill>
                  <a:schemeClr val="tx2"/>
                </a:solidFill>
                <a:miter lim="800000"/>
                <a:headEnd/>
                <a:tailEnd/>
              </a:ln>
            </p:spPr>
            <p:txBody>
              <a:bodyPr vert="eaVert" lIns="0" tIns="0" rIns="0" bIns="0" anchor="ctr"/>
              <a:lstStyle/>
              <a:p>
                <a:pPr algn="ctr"/>
                <a:r>
                  <a:rPr lang="en-US" altLang="zh-CN" sz="2400" b="1">
                    <a:solidFill>
                      <a:srgbClr val="990000"/>
                    </a:solidFill>
                    <a:latin typeface="Arial" pitchFamily="34" charset="0"/>
                    <a:ea typeface="黑体"/>
                    <a:cs typeface="黑体"/>
                  </a:rPr>
                  <a:t>Greenhouse Gases</a:t>
                </a:r>
              </a:p>
            </p:txBody>
          </p:sp>
          <p:sp>
            <p:nvSpPr>
              <p:cNvPr id="38939" name="Rectangle 7"/>
              <p:cNvSpPr>
                <a:spLocks noChangeArrowheads="1"/>
              </p:cNvSpPr>
              <p:nvPr/>
            </p:nvSpPr>
            <p:spPr bwMode="auto">
              <a:xfrm>
                <a:off x="3918" y="2483"/>
                <a:ext cx="408" cy="1360"/>
              </a:xfrm>
              <a:prstGeom prst="rect">
                <a:avLst/>
              </a:prstGeom>
              <a:solidFill>
                <a:schemeClr val="tx1"/>
              </a:solidFill>
              <a:ln w="25400">
                <a:solidFill>
                  <a:schemeClr val="tx2"/>
                </a:solidFill>
                <a:miter lim="800000"/>
                <a:headEnd/>
                <a:tailEnd/>
              </a:ln>
            </p:spPr>
            <p:txBody>
              <a:bodyPr vert="eaVert" lIns="0" tIns="0" rIns="0" bIns="0" anchor="ctr"/>
              <a:lstStyle/>
              <a:p>
                <a:pPr algn="ctr"/>
                <a:r>
                  <a:rPr lang="en-US" altLang="zh-CN" sz="3200" b="1">
                    <a:solidFill>
                      <a:srgbClr val="990000"/>
                    </a:solidFill>
                    <a:latin typeface="Arial" pitchFamily="34" charset="0"/>
                    <a:ea typeface="黑体"/>
                    <a:cs typeface="黑体"/>
                  </a:rPr>
                  <a:t>Aerosols</a:t>
                </a:r>
              </a:p>
            </p:txBody>
          </p:sp>
          <p:sp>
            <p:nvSpPr>
              <p:cNvPr id="38940" name="Rectangle 8"/>
              <p:cNvSpPr>
                <a:spLocks noChangeArrowheads="1"/>
              </p:cNvSpPr>
              <p:nvPr/>
            </p:nvSpPr>
            <p:spPr bwMode="auto">
              <a:xfrm>
                <a:off x="4421" y="2483"/>
                <a:ext cx="408" cy="1360"/>
              </a:xfrm>
              <a:prstGeom prst="rect">
                <a:avLst/>
              </a:prstGeom>
              <a:solidFill>
                <a:schemeClr val="tx1"/>
              </a:solidFill>
              <a:ln w="25400">
                <a:solidFill>
                  <a:schemeClr val="tx2"/>
                </a:solidFill>
                <a:miter lim="800000"/>
                <a:headEnd/>
                <a:tailEnd/>
              </a:ln>
            </p:spPr>
            <p:txBody>
              <a:bodyPr vert="eaVert" lIns="0" tIns="0" rIns="0" bIns="0" anchor="ctr"/>
              <a:lstStyle/>
              <a:p>
                <a:pPr algn="ctr"/>
                <a:r>
                  <a:rPr lang="en-US" altLang="zh-CN" sz="3200" b="1">
                    <a:solidFill>
                      <a:srgbClr val="990000"/>
                    </a:solidFill>
                    <a:latin typeface="Arial" pitchFamily="34" charset="0"/>
                    <a:ea typeface="黑体"/>
                    <a:cs typeface="黑体"/>
                  </a:rPr>
                  <a:t>Land use</a:t>
                </a:r>
              </a:p>
            </p:txBody>
          </p:sp>
          <p:sp>
            <p:nvSpPr>
              <p:cNvPr id="38941" name="Rectangle 9"/>
              <p:cNvSpPr>
                <a:spLocks noChangeArrowheads="1"/>
              </p:cNvSpPr>
              <p:nvPr/>
            </p:nvSpPr>
            <p:spPr bwMode="auto">
              <a:xfrm>
                <a:off x="4925" y="2483"/>
                <a:ext cx="408" cy="1360"/>
              </a:xfrm>
              <a:prstGeom prst="rect">
                <a:avLst/>
              </a:prstGeom>
              <a:solidFill>
                <a:schemeClr val="tx1"/>
              </a:solidFill>
              <a:ln w="25400">
                <a:solidFill>
                  <a:schemeClr val="tx2"/>
                </a:solidFill>
                <a:miter lim="800000"/>
                <a:headEnd/>
                <a:tailEnd/>
              </a:ln>
            </p:spPr>
            <p:txBody>
              <a:bodyPr vert="eaVert" lIns="0" tIns="0" rIns="0" bIns="0" anchor="ctr"/>
              <a:lstStyle/>
              <a:p>
                <a:pPr algn="ctr"/>
                <a:r>
                  <a:rPr lang="en-US" altLang="zh-CN" sz="2400" b="1">
                    <a:solidFill>
                      <a:srgbClr val="990000"/>
                    </a:solidFill>
                    <a:latin typeface="Arial" pitchFamily="34" charset="0"/>
                    <a:ea typeface="黑体"/>
                    <a:cs typeface="黑体"/>
                  </a:rPr>
                  <a:t>Urbanization</a:t>
                </a:r>
              </a:p>
            </p:txBody>
          </p:sp>
          <p:sp>
            <p:nvSpPr>
              <p:cNvPr id="38942" name="Line 10"/>
              <p:cNvSpPr>
                <a:spLocks noChangeShapeType="1"/>
              </p:cNvSpPr>
              <p:nvPr/>
            </p:nvSpPr>
            <p:spPr bwMode="auto">
              <a:xfrm>
                <a:off x="3619" y="2252"/>
                <a:ext cx="0" cy="227"/>
              </a:xfrm>
              <a:prstGeom prst="line">
                <a:avLst/>
              </a:prstGeom>
              <a:noFill/>
              <a:ln w="25400">
                <a:solidFill>
                  <a:schemeClr val="tx2"/>
                </a:solidFill>
                <a:round/>
                <a:headEnd/>
                <a:tailEnd type="triangle" w="lg" len="lg"/>
              </a:ln>
            </p:spPr>
            <p:txBody>
              <a:bodyPr anchor="ctr"/>
              <a:lstStyle/>
              <a:p>
                <a:endParaRPr lang="en-US"/>
              </a:p>
            </p:txBody>
          </p:sp>
          <p:sp>
            <p:nvSpPr>
              <p:cNvPr id="38943" name="Line 11"/>
              <p:cNvSpPr>
                <a:spLocks noChangeShapeType="1"/>
              </p:cNvSpPr>
              <p:nvPr/>
            </p:nvSpPr>
            <p:spPr bwMode="auto">
              <a:xfrm>
                <a:off x="4122" y="2252"/>
                <a:ext cx="0" cy="227"/>
              </a:xfrm>
              <a:prstGeom prst="line">
                <a:avLst/>
              </a:prstGeom>
              <a:noFill/>
              <a:ln w="25400">
                <a:solidFill>
                  <a:schemeClr val="tx2"/>
                </a:solidFill>
                <a:round/>
                <a:headEnd/>
                <a:tailEnd type="triangle" w="lg" len="lg"/>
              </a:ln>
            </p:spPr>
            <p:txBody>
              <a:bodyPr anchor="ctr"/>
              <a:lstStyle/>
              <a:p>
                <a:endParaRPr lang="en-US"/>
              </a:p>
            </p:txBody>
          </p:sp>
          <p:sp>
            <p:nvSpPr>
              <p:cNvPr id="38944" name="Line 12"/>
              <p:cNvSpPr>
                <a:spLocks noChangeShapeType="1"/>
              </p:cNvSpPr>
              <p:nvPr/>
            </p:nvSpPr>
            <p:spPr bwMode="auto">
              <a:xfrm>
                <a:off x="4625" y="2252"/>
                <a:ext cx="0" cy="227"/>
              </a:xfrm>
              <a:prstGeom prst="line">
                <a:avLst/>
              </a:prstGeom>
              <a:noFill/>
              <a:ln w="25400">
                <a:solidFill>
                  <a:schemeClr val="tx2"/>
                </a:solidFill>
                <a:round/>
                <a:headEnd/>
                <a:tailEnd type="triangle" w="lg" len="lg"/>
              </a:ln>
            </p:spPr>
            <p:txBody>
              <a:bodyPr anchor="ctr"/>
              <a:lstStyle/>
              <a:p>
                <a:endParaRPr lang="en-US"/>
              </a:p>
            </p:txBody>
          </p:sp>
          <p:sp>
            <p:nvSpPr>
              <p:cNvPr id="38945" name="Line 13"/>
              <p:cNvSpPr>
                <a:spLocks noChangeShapeType="1"/>
              </p:cNvSpPr>
              <p:nvPr/>
            </p:nvSpPr>
            <p:spPr bwMode="auto">
              <a:xfrm>
                <a:off x="5129" y="2252"/>
                <a:ext cx="0" cy="227"/>
              </a:xfrm>
              <a:prstGeom prst="line">
                <a:avLst/>
              </a:prstGeom>
              <a:noFill/>
              <a:ln w="25400">
                <a:solidFill>
                  <a:schemeClr val="tx2"/>
                </a:solidFill>
                <a:round/>
                <a:headEnd/>
                <a:tailEnd type="triangle" w="lg" len="lg"/>
              </a:ln>
            </p:spPr>
            <p:txBody>
              <a:bodyPr anchor="ctr"/>
              <a:lstStyle/>
              <a:p>
                <a:endParaRPr lang="en-US"/>
              </a:p>
            </p:txBody>
          </p:sp>
          <p:sp>
            <p:nvSpPr>
              <p:cNvPr id="38946" name="Line 14"/>
              <p:cNvSpPr>
                <a:spLocks noChangeShapeType="1"/>
              </p:cNvSpPr>
              <p:nvPr/>
            </p:nvSpPr>
            <p:spPr bwMode="auto">
              <a:xfrm>
                <a:off x="3615" y="2252"/>
                <a:ext cx="1519" cy="0"/>
              </a:xfrm>
              <a:prstGeom prst="line">
                <a:avLst/>
              </a:prstGeom>
              <a:noFill/>
              <a:ln w="25400">
                <a:solidFill>
                  <a:schemeClr val="tx2"/>
                </a:solidFill>
                <a:round/>
                <a:headEnd/>
                <a:tailEnd/>
              </a:ln>
            </p:spPr>
            <p:txBody>
              <a:bodyPr anchor="ctr"/>
              <a:lstStyle/>
              <a:p>
                <a:endParaRPr lang="en-US"/>
              </a:p>
            </p:txBody>
          </p:sp>
        </p:grpSp>
        <p:sp>
          <p:nvSpPr>
            <p:cNvPr id="38918" name="Rectangle 15"/>
            <p:cNvSpPr>
              <a:spLocks noChangeArrowheads="1"/>
            </p:cNvSpPr>
            <p:nvPr/>
          </p:nvSpPr>
          <p:spPr bwMode="auto">
            <a:xfrm>
              <a:off x="3694" y="1651"/>
              <a:ext cx="1360" cy="408"/>
            </a:xfrm>
            <a:prstGeom prst="rect">
              <a:avLst/>
            </a:prstGeom>
            <a:solidFill>
              <a:schemeClr val="tx1"/>
            </a:solidFill>
            <a:ln w="25400">
              <a:solidFill>
                <a:schemeClr val="tx2"/>
              </a:solidFill>
              <a:miter lim="800000"/>
              <a:headEnd/>
              <a:tailEnd/>
            </a:ln>
          </p:spPr>
          <p:txBody>
            <a:bodyPr lIns="69494" tIns="34747" rIns="69494" bIns="34747" anchor="ctr"/>
            <a:lstStyle/>
            <a:p>
              <a:pPr algn="ctr"/>
              <a:r>
                <a:rPr lang="en-US" altLang="zh-CN" sz="2400" b="1">
                  <a:solidFill>
                    <a:srgbClr val="C80000"/>
                  </a:solidFill>
                  <a:latin typeface="Arial" pitchFamily="34" charset="0"/>
                  <a:ea typeface="黑体"/>
                  <a:cs typeface="黑体"/>
                </a:rPr>
                <a:t>Anthropogenic</a:t>
              </a:r>
              <a:endParaRPr lang="en-US" altLang="zh-CN" sz="2400" b="1">
                <a:latin typeface="Arial" pitchFamily="34" charset="0"/>
                <a:ea typeface="黑体"/>
                <a:cs typeface="黑体"/>
              </a:endParaRPr>
            </a:p>
          </p:txBody>
        </p:sp>
        <p:sp>
          <p:nvSpPr>
            <p:cNvPr id="38919" name="Line 16"/>
            <p:cNvSpPr>
              <a:spLocks noChangeShapeType="1"/>
            </p:cNvSpPr>
            <p:nvPr/>
          </p:nvSpPr>
          <p:spPr bwMode="auto">
            <a:xfrm>
              <a:off x="4374" y="2060"/>
              <a:ext cx="0" cy="220"/>
            </a:xfrm>
            <a:prstGeom prst="line">
              <a:avLst/>
            </a:prstGeom>
            <a:noFill/>
            <a:ln w="25400">
              <a:solidFill>
                <a:schemeClr val="tx2"/>
              </a:solidFill>
              <a:round/>
              <a:headEnd/>
              <a:tailEnd type="triangle" w="lg" len="lg"/>
            </a:ln>
          </p:spPr>
          <p:txBody>
            <a:bodyPr anchor="ctr"/>
            <a:lstStyle/>
            <a:p>
              <a:endParaRPr lang="en-US"/>
            </a:p>
          </p:txBody>
        </p:sp>
        <p:sp>
          <p:nvSpPr>
            <p:cNvPr id="38920" name="Line 17"/>
            <p:cNvSpPr>
              <a:spLocks noChangeShapeType="1"/>
            </p:cNvSpPr>
            <p:nvPr/>
          </p:nvSpPr>
          <p:spPr bwMode="auto">
            <a:xfrm>
              <a:off x="4373" y="1425"/>
              <a:ext cx="1" cy="219"/>
            </a:xfrm>
            <a:prstGeom prst="line">
              <a:avLst/>
            </a:prstGeom>
            <a:noFill/>
            <a:ln w="25400">
              <a:solidFill>
                <a:schemeClr val="tx2"/>
              </a:solidFill>
              <a:round/>
              <a:headEnd/>
              <a:tailEnd type="triangle" w="lg" len="lg"/>
            </a:ln>
          </p:spPr>
          <p:txBody>
            <a:bodyPr anchor="ctr"/>
            <a:lstStyle/>
            <a:p>
              <a:endParaRPr lang="en-US"/>
            </a:p>
          </p:txBody>
        </p:sp>
        <p:sp>
          <p:nvSpPr>
            <p:cNvPr id="38921" name="Line 18"/>
            <p:cNvSpPr>
              <a:spLocks noChangeShapeType="1"/>
            </p:cNvSpPr>
            <p:nvPr/>
          </p:nvSpPr>
          <p:spPr bwMode="auto">
            <a:xfrm>
              <a:off x="1855" y="1425"/>
              <a:ext cx="2522" cy="0"/>
            </a:xfrm>
            <a:prstGeom prst="line">
              <a:avLst/>
            </a:prstGeom>
            <a:noFill/>
            <a:ln w="25400">
              <a:solidFill>
                <a:schemeClr val="tx2"/>
              </a:solidFill>
              <a:round/>
              <a:headEnd/>
              <a:tailEnd/>
            </a:ln>
          </p:spPr>
          <p:txBody>
            <a:bodyPr anchor="ctr"/>
            <a:lstStyle/>
            <a:p>
              <a:endParaRPr lang="en-US"/>
            </a:p>
          </p:txBody>
        </p:sp>
        <p:grpSp>
          <p:nvGrpSpPr>
            <p:cNvPr id="38922" name="Group 19"/>
            <p:cNvGrpSpPr>
              <a:grpSpLocks/>
            </p:cNvGrpSpPr>
            <p:nvPr/>
          </p:nvGrpSpPr>
          <p:grpSpPr bwMode="auto">
            <a:xfrm>
              <a:off x="640" y="1425"/>
              <a:ext cx="2421" cy="2464"/>
              <a:chOff x="640" y="1425"/>
              <a:chExt cx="2421" cy="2464"/>
            </a:xfrm>
          </p:grpSpPr>
          <p:sp>
            <p:nvSpPr>
              <p:cNvPr id="38923" name="Rectangle 20"/>
              <p:cNvSpPr>
                <a:spLocks noChangeArrowheads="1"/>
              </p:cNvSpPr>
              <p:nvPr/>
            </p:nvSpPr>
            <p:spPr bwMode="auto">
              <a:xfrm>
                <a:off x="1177" y="1651"/>
                <a:ext cx="1360" cy="408"/>
              </a:xfrm>
              <a:prstGeom prst="rect">
                <a:avLst/>
              </a:prstGeom>
              <a:solidFill>
                <a:schemeClr val="tx1"/>
              </a:solidFill>
              <a:ln w="25400">
                <a:solidFill>
                  <a:schemeClr val="tx2"/>
                </a:solidFill>
                <a:miter lim="800000"/>
                <a:headEnd/>
                <a:tailEnd/>
              </a:ln>
            </p:spPr>
            <p:txBody>
              <a:bodyPr lIns="69494" tIns="34747" rIns="69494" bIns="34747" anchor="ctr"/>
              <a:lstStyle/>
              <a:p>
                <a:pPr algn="ctr"/>
                <a:r>
                  <a:rPr lang="en-US" altLang="zh-CN" sz="3200" b="1">
                    <a:solidFill>
                      <a:srgbClr val="0000C8"/>
                    </a:solidFill>
                    <a:latin typeface="Arial" pitchFamily="34" charset="0"/>
                    <a:ea typeface="黑体"/>
                    <a:cs typeface="黑体"/>
                  </a:rPr>
                  <a:t>Natural</a:t>
                </a:r>
                <a:endParaRPr lang="en-US" altLang="zh-CN" sz="3200" b="1">
                  <a:latin typeface="Arial" pitchFamily="34" charset="0"/>
                  <a:ea typeface="黑体"/>
                  <a:cs typeface="黑体"/>
                </a:endParaRPr>
              </a:p>
            </p:txBody>
          </p:sp>
          <p:sp>
            <p:nvSpPr>
              <p:cNvPr id="38924" name="Line 21"/>
              <p:cNvSpPr>
                <a:spLocks noChangeShapeType="1"/>
              </p:cNvSpPr>
              <p:nvPr/>
            </p:nvSpPr>
            <p:spPr bwMode="auto">
              <a:xfrm>
                <a:off x="1857" y="1425"/>
                <a:ext cx="0" cy="219"/>
              </a:xfrm>
              <a:prstGeom prst="line">
                <a:avLst/>
              </a:prstGeom>
              <a:noFill/>
              <a:ln w="25400">
                <a:solidFill>
                  <a:schemeClr val="tx2"/>
                </a:solidFill>
                <a:round/>
                <a:headEnd/>
                <a:tailEnd type="triangle" w="lg" len="lg"/>
              </a:ln>
            </p:spPr>
            <p:txBody>
              <a:bodyPr anchor="ctr"/>
              <a:lstStyle/>
              <a:p>
                <a:endParaRPr lang="en-US"/>
              </a:p>
            </p:txBody>
          </p:sp>
          <p:sp>
            <p:nvSpPr>
              <p:cNvPr id="38925" name="Line 22"/>
              <p:cNvSpPr>
                <a:spLocks noChangeShapeType="1"/>
              </p:cNvSpPr>
              <p:nvPr/>
            </p:nvSpPr>
            <p:spPr bwMode="auto">
              <a:xfrm>
                <a:off x="1857" y="2060"/>
                <a:ext cx="0" cy="219"/>
              </a:xfrm>
              <a:prstGeom prst="line">
                <a:avLst/>
              </a:prstGeom>
              <a:noFill/>
              <a:ln w="25400">
                <a:solidFill>
                  <a:schemeClr val="tx2"/>
                </a:solidFill>
                <a:round/>
                <a:headEnd/>
                <a:tailEnd type="triangle" w="lg" len="lg"/>
              </a:ln>
            </p:spPr>
            <p:txBody>
              <a:bodyPr anchor="ctr"/>
              <a:lstStyle/>
              <a:p>
                <a:endParaRPr lang="en-US"/>
              </a:p>
            </p:txBody>
          </p:sp>
          <p:grpSp>
            <p:nvGrpSpPr>
              <p:cNvPr id="38926" name="Group 23"/>
              <p:cNvGrpSpPr>
                <a:grpSpLocks/>
              </p:cNvGrpSpPr>
              <p:nvPr/>
            </p:nvGrpSpPr>
            <p:grpSpPr bwMode="auto">
              <a:xfrm>
                <a:off x="640" y="2296"/>
                <a:ext cx="2421" cy="1593"/>
                <a:chOff x="898" y="2280"/>
                <a:chExt cx="2421" cy="1593"/>
              </a:xfrm>
            </p:grpSpPr>
            <p:sp>
              <p:nvSpPr>
                <p:cNvPr id="38927" name="Rectangle 24"/>
                <p:cNvSpPr>
                  <a:spLocks noChangeArrowheads="1"/>
                </p:cNvSpPr>
                <p:nvPr/>
              </p:nvSpPr>
              <p:spPr bwMode="auto">
                <a:xfrm>
                  <a:off x="1401" y="2513"/>
                  <a:ext cx="408" cy="1360"/>
                </a:xfrm>
                <a:prstGeom prst="rect">
                  <a:avLst/>
                </a:prstGeom>
                <a:solidFill>
                  <a:schemeClr val="tx1"/>
                </a:solidFill>
                <a:ln w="25400">
                  <a:solidFill>
                    <a:schemeClr val="tx2"/>
                  </a:solidFill>
                  <a:miter lim="800000"/>
                  <a:headEnd/>
                  <a:tailEnd/>
                </a:ln>
              </p:spPr>
              <p:txBody>
                <a:bodyPr vert="eaVert" lIns="0" tIns="0" rIns="0" bIns="0" anchor="ctr"/>
                <a:lstStyle/>
                <a:p>
                  <a:pPr algn="ctr"/>
                  <a:r>
                    <a:rPr lang="en-US" altLang="zh-CN" sz="3200" b="1">
                      <a:solidFill>
                        <a:schemeClr val="accent2"/>
                      </a:solidFill>
                      <a:latin typeface="Arial" pitchFamily="34" charset="0"/>
                      <a:ea typeface="黑体"/>
                      <a:cs typeface="黑体"/>
                    </a:rPr>
                    <a:t>Land</a:t>
                  </a:r>
                </a:p>
              </p:txBody>
            </p:sp>
            <p:sp>
              <p:nvSpPr>
                <p:cNvPr id="38928" name="Rectangle 25"/>
                <p:cNvSpPr>
                  <a:spLocks noChangeArrowheads="1"/>
                </p:cNvSpPr>
                <p:nvPr/>
              </p:nvSpPr>
              <p:spPr bwMode="auto">
                <a:xfrm>
                  <a:off x="1905" y="2513"/>
                  <a:ext cx="408" cy="1360"/>
                </a:xfrm>
                <a:prstGeom prst="rect">
                  <a:avLst/>
                </a:prstGeom>
                <a:solidFill>
                  <a:schemeClr val="tx1"/>
                </a:solidFill>
                <a:ln w="25400">
                  <a:solidFill>
                    <a:schemeClr val="tx2"/>
                  </a:solidFill>
                  <a:miter lim="800000"/>
                  <a:headEnd/>
                  <a:tailEnd/>
                </a:ln>
              </p:spPr>
              <p:txBody>
                <a:bodyPr vert="eaVert" lIns="0" tIns="0" rIns="0" bIns="0" anchor="ctr"/>
                <a:lstStyle/>
                <a:p>
                  <a:pPr algn="ctr"/>
                  <a:r>
                    <a:rPr lang="en-US" altLang="zh-CN" sz="3200" b="1">
                      <a:solidFill>
                        <a:srgbClr val="0000FF"/>
                      </a:solidFill>
                      <a:latin typeface="Arial" pitchFamily="34" charset="0"/>
                      <a:ea typeface="黑体"/>
                      <a:cs typeface="黑体"/>
                    </a:rPr>
                    <a:t>Volcano</a:t>
                  </a:r>
                </a:p>
              </p:txBody>
            </p:sp>
            <p:sp>
              <p:nvSpPr>
                <p:cNvPr id="38929" name="Rectangle 26"/>
                <p:cNvSpPr>
                  <a:spLocks noChangeArrowheads="1"/>
                </p:cNvSpPr>
                <p:nvPr/>
              </p:nvSpPr>
              <p:spPr bwMode="auto">
                <a:xfrm>
                  <a:off x="2408" y="2513"/>
                  <a:ext cx="408" cy="1360"/>
                </a:xfrm>
                <a:prstGeom prst="rect">
                  <a:avLst/>
                </a:prstGeom>
                <a:solidFill>
                  <a:schemeClr val="tx1"/>
                </a:solidFill>
                <a:ln w="25400">
                  <a:solidFill>
                    <a:schemeClr val="tx2"/>
                  </a:solidFill>
                  <a:miter lim="800000"/>
                  <a:headEnd/>
                  <a:tailEnd/>
                </a:ln>
              </p:spPr>
              <p:txBody>
                <a:bodyPr vert="eaVert" lIns="0" tIns="0" rIns="0" bIns="0" anchor="ctr"/>
                <a:lstStyle/>
                <a:p>
                  <a:pPr algn="ctr"/>
                  <a:r>
                    <a:rPr lang="en-US" altLang="zh-CN" sz="2800" b="1">
                      <a:solidFill>
                        <a:srgbClr val="0000FF"/>
                      </a:solidFill>
                      <a:latin typeface="Arial" pitchFamily="34" charset="0"/>
                      <a:ea typeface="黑体"/>
                      <a:cs typeface="黑体"/>
                    </a:rPr>
                    <a:t>Solar Activity</a:t>
                  </a:r>
                </a:p>
              </p:txBody>
            </p:sp>
            <p:sp>
              <p:nvSpPr>
                <p:cNvPr id="38930" name="Rectangle 27"/>
                <p:cNvSpPr>
                  <a:spLocks noChangeArrowheads="1"/>
                </p:cNvSpPr>
                <p:nvPr/>
              </p:nvSpPr>
              <p:spPr bwMode="auto">
                <a:xfrm>
                  <a:off x="2911" y="2513"/>
                  <a:ext cx="408" cy="1360"/>
                </a:xfrm>
                <a:prstGeom prst="rect">
                  <a:avLst/>
                </a:prstGeom>
                <a:solidFill>
                  <a:schemeClr val="tx1"/>
                </a:solidFill>
                <a:ln w="25400">
                  <a:solidFill>
                    <a:schemeClr val="tx2"/>
                  </a:solidFill>
                  <a:miter lim="800000"/>
                  <a:headEnd/>
                  <a:tailEnd/>
                </a:ln>
              </p:spPr>
              <p:txBody>
                <a:bodyPr vert="eaVert" lIns="0" tIns="0" rIns="0" bIns="0" anchor="ctr"/>
                <a:lstStyle/>
                <a:p>
                  <a:pPr algn="ctr"/>
                  <a:r>
                    <a:rPr lang="en-US" altLang="zh-CN" sz="2800" b="1">
                      <a:solidFill>
                        <a:srgbClr val="0000FF"/>
                      </a:solidFill>
                      <a:latin typeface="Arial" pitchFamily="34" charset="0"/>
                      <a:ea typeface="黑体"/>
                      <a:cs typeface="黑体"/>
                    </a:rPr>
                    <a:t>Natural Variability</a:t>
                  </a:r>
                </a:p>
              </p:txBody>
            </p:sp>
            <p:sp>
              <p:nvSpPr>
                <p:cNvPr id="38931" name="Line 28"/>
                <p:cNvSpPr>
                  <a:spLocks noChangeShapeType="1"/>
                </p:cNvSpPr>
                <p:nvPr/>
              </p:nvSpPr>
              <p:spPr bwMode="auto">
                <a:xfrm>
                  <a:off x="1605" y="2282"/>
                  <a:ext cx="0" cy="227"/>
                </a:xfrm>
                <a:prstGeom prst="line">
                  <a:avLst/>
                </a:prstGeom>
                <a:noFill/>
                <a:ln w="25400">
                  <a:solidFill>
                    <a:schemeClr val="tx2"/>
                  </a:solidFill>
                  <a:round/>
                  <a:headEnd/>
                  <a:tailEnd type="triangle" w="lg" len="lg"/>
                </a:ln>
              </p:spPr>
              <p:txBody>
                <a:bodyPr anchor="ctr"/>
                <a:lstStyle/>
                <a:p>
                  <a:endParaRPr lang="en-US"/>
                </a:p>
              </p:txBody>
            </p:sp>
            <p:sp>
              <p:nvSpPr>
                <p:cNvPr id="38932" name="Line 29"/>
                <p:cNvSpPr>
                  <a:spLocks noChangeShapeType="1"/>
                </p:cNvSpPr>
                <p:nvPr/>
              </p:nvSpPr>
              <p:spPr bwMode="auto">
                <a:xfrm>
                  <a:off x="2109" y="2282"/>
                  <a:ext cx="0" cy="227"/>
                </a:xfrm>
                <a:prstGeom prst="line">
                  <a:avLst/>
                </a:prstGeom>
                <a:noFill/>
                <a:ln w="25400">
                  <a:solidFill>
                    <a:schemeClr val="tx2"/>
                  </a:solidFill>
                  <a:round/>
                  <a:headEnd/>
                  <a:tailEnd type="triangle" w="lg" len="lg"/>
                </a:ln>
              </p:spPr>
              <p:txBody>
                <a:bodyPr anchor="ctr"/>
                <a:lstStyle/>
                <a:p>
                  <a:endParaRPr lang="en-US"/>
                </a:p>
              </p:txBody>
            </p:sp>
            <p:sp>
              <p:nvSpPr>
                <p:cNvPr id="38933" name="Line 30"/>
                <p:cNvSpPr>
                  <a:spLocks noChangeShapeType="1"/>
                </p:cNvSpPr>
                <p:nvPr/>
              </p:nvSpPr>
              <p:spPr bwMode="auto">
                <a:xfrm>
                  <a:off x="2612" y="2282"/>
                  <a:ext cx="0" cy="227"/>
                </a:xfrm>
                <a:prstGeom prst="line">
                  <a:avLst/>
                </a:prstGeom>
                <a:noFill/>
                <a:ln w="25400">
                  <a:solidFill>
                    <a:schemeClr val="tx2"/>
                  </a:solidFill>
                  <a:round/>
                  <a:headEnd/>
                  <a:tailEnd type="triangle" w="lg" len="lg"/>
                </a:ln>
              </p:spPr>
              <p:txBody>
                <a:bodyPr anchor="ctr"/>
                <a:lstStyle/>
                <a:p>
                  <a:endParaRPr lang="en-US"/>
                </a:p>
              </p:txBody>
            </p:sp>
            <p:sp>
              <p:nvSpPr>
                <p:cNvPr id="38934" name="Line 31"/>
                <p:cNvSpPr>
                  <a:spLocks noChangeShapeType="1"/>
                </p:cNvSpPr>
                <p:nvPr/>
              </p:nvSpPr>
              <p:spPr bwMode="auto">
                <a:xfrm>
                  <a:off x="3115" y="2282"/>
                  <a:ext cx="0" cy="227"/>
                </a:xfrm>
                <a:prstGeom prst="line">
                  <a:avLst/>
                </a:prstGeom>
                <a:noFill/>
                <a:ln w="25400">
                  <a:solidFill>
                    <a:schemeClr val="tx2"/>
                  </a:solidFill>
                  <a:round/>
                  <a:headEnd/>
                  <a:tailEnd type="triangle" w="lg" len="lg"/>
                </a:ln>
              </p:spPr>
              <p:txBody>
                <a:bodyPr anchor="ctr"/>
                <a:lstStyle/>
                <a:p>
                  <a:endParaRPr lang="en-US"/>
                </a:p>
              </p:txBody>
            </p:sp>
            <p:sp>
              <p:nvSpPr>
                <p:cNvPr id="38935" name="Line 32"/>
                <p:cNvSpPr>
                  <a:spLocks noChangeShapeType="1"/>
                </p:cNvSpPr>
                <p:nvPr/>
              </p:nvSpPr>
              <p:spPr bwMode="auto">
                <a:xfrm>
                  <a:off x="1093" y="2280"/>
                  <a:ext cx="2023" cy="2"/>
                </a:xfrm>
                <a:prstGeom prst="line">
                  <a:avLst/>
                </a:prstGeom>
                <a:noFill/>
                <a:ln w="25400">
                  <a:solidFill>
                    <a:schemeClr val="tx2"/>
                  </a:solidFill>
                  <a:round/>
                  <a:headEnd/>
                  <a:tailEnd/>
                </a:ln>
              </p:spPr>
              <p:txBody>
                <a:bodyPr anchor="ctr"/>
                <a:lstStyle/>
                <a:p>
                  <a:endParaRPr lang="en-US"/>
                </a:p>
              </p:txBody>
            </p:sp>
            <p:sp>
              <p:nvSpPr>
                <p:cNvPr id="38936" name="Rectangle 33"/>
                <p:cNvSpPr>
                  <a:spLocks noChangeArrowheads="1"/>
                </p:cNvSpPr>
                <p:nvPr/>
              </p:nvSpPr>
              <p:spPr bwMode="auto">
                <a:xfrm>
                  <a:off x="898" y="2513"/>
                  <a:ext cx="408" cy="1360"/>
                </a:xfrm>
                <a:prstGeom prst="rect">
                  <a:avLst/>
                </a:prstGeom>
                <a:solidFill>
                  <a:schemeClr val="tx1"/>
                </a:solidFill>
                <a:ln w="25400">
                  <a:solidFill>
                    <a:schemeClr val="tx2"/>
                  </a:solidFill>
                  <a:miter lim="800000"/>
                  <a:headEnd/>
                  <a:tailEnd/>
                </a:ln>
              </p:spPr>
              <p:txBody>
                <a:bodyPr vert="eaVert" lIns="0" tIns="0" rIns="0" bIns="0" anchor="ctr"/>
                <a:lstStyle/>
                <a:p>
                  <a:pPr algn="ctr"/>
                  <a:r>
                    <a:rPr lang="en-US" altLang="zh-CN" sz="3200" b="1">
                      <a:solidFill>
                        <a:srgbClr val="0000FF"/>
                      </a:solidFill>
                      <a:latin typeface="Arial" pitchFamily="34" charset="0"/>
                      <a:ea typeface="黑体"/>
                      <a:cs typeface="黑体"/>
                    </a:rPr>
                    <a:t>Ocean</a:t>
                  </a:r>
                </a:p>
              </p:txBody>
            </p:sp>
            <p:sp>
              <p:nvSpPr>
                <p:cNvPr id="38937" name="Line 34"/>
                <p:cNvSpPr>
                  <a:spLocks noChangeShapeType="1"/>
                </p:cNvSpPr>
                <p:nvPr/>
              </p:nvSpPr>
              <p:spPr bwMode="auto">
                <a:xfrm>
                  <a:off x="1102" y="2282"/>
                  <a:ext cx="0" cy="227"/>
                </a:xfrm>
                <a:prstGeom prst="line">
                  <a:avLst/>
                </a:prstGeom>
                <a:noFill/>
                <a:ln w="25400">
                  <a:solidFill>
                    <a:schemeClr val="tx2"/>
                  </a:solidFill>
                  <a:round/>
                  <a:headEnd/>
                  <a:tailEnd type="triangle" w="lg" len="lg"/>
                </a:ln>
              </p:spPr>
              <p:txBody>
                <a:bodyPr anchor="ctr"/>
                <a:lstStyle/>
                <a:p>
                  <a:endParaRPr lang="en-US"/>
                </a:p>
              </p:txBody>
            </p:sp>
          </p:grpSp>
        </p:grpSp>
      </p:grp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9938" name="Rectangle 2"/>
          <p:cNvSpPr>
            <a:spLocks noGrp="1" noChangeArrowheads="1"/>
          </p:cNvSpPr>
          <p:nvPr>
            <p:ph type="title"/>
          </p:nvPr>
        </p:nvSpPr>
        <p:spPr>
          <a:xfrm>
            <a:off x="457200" y="0"/>
            <a:ext cx="8229600" cy="698500"/>
          </a:xfrm>
        </p:spPr>
        <p:txBody>
          <a:bodyPr/>
          <a:lstStyle/>
          <a:p>
            <a:pPr algn="ctr" eaLnBrk="1" hangingPunct="1">
              <a:defRPr/>
            </a:pPr>
            <a:r>
              <a:rPr lang="en-US" b="1" dirty="0" smtClean="0">
                <a:solidFill>
                  <a:srgbClr val="FF9900"/>
                </a:solidFill>
              </a:rPr>
              <a:t> </a:t>
            </a:r>
            <a:r>
              <a:rPr lang="en-US" sz="3200" b="1" dirty="0" smtClean="0">
                <a:solidFill>
                  <a:schemeClr val="tx1"/>
                </a:solidFill>
              </a:rPr>
              <a:t>Flow data below </a:t>
            </a:r>
            <a:r>
              <a:rPr lang="en-US" sz="3200" b="1" dirty="0" err="1" smtClean="0">
                <a:solidFill>
                  <a:schemeClr val="tx1"/>
                </a:solidFill>
              </a:rPr>
              <a:t>Kotri</a:t>
            </a:r>
            <a:r>
              <a:rPr lang="en-US" sz="3200" b="1" dirty="0" smtClean="0">
                <a:solidFill>
                  <a:schemeClr val="tx1"/>
                </a:solidFill>
              </a:rPr>
              <a:t> Barrage</a:t>
            </a:r>
          </a:p>
        </p:txBody>
      </p:sp>
      <p:sp>
        <p:nvSpPr>
          <p:cNvPr id="1028" name="Rectangle 5"/>
          <p:cNvSpPr>
            <a:spLocks noGrp="1" noChangeArrowheads="1" noTextEdit="1"/>
          </p:cNvSpPr>
          <p:nvPr>
            <p:ph type="chart" idx="1"/>
          </p:nvPr>
        </p:nvSpPr>
        <p:spPr/>
      </p:sp>
      <p:sp>
        <p:nvSpPr>
          <p:cNvPr id="1029" name="Rectangle 7"/>
          <p:cNvSpPr>
            <a:spLocks noChangeArrowheads="1"/>
          </p:cNvSpPr>
          <p:nvPr/>
        </p:nvSpPr>
        <p:spPr bwMode="auto">
          <a:xfrm>
            <a:off x="1314450" y="1147763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endParaRPr lang="en-US"/>
          </a:p>
        </p:txBody>
      </p:sp>
      <p:graphicFrame>
        <p:nvGraphicFramePr>
          <p:cNvPr id="7" name="Object 6"/>
          <p:cNvGraphicFramePr>
            <a:graphicFrameLocks noChangeAspect="1"/>
          </p:cNvGraphicFramePr>
          <p:nvPr/>
        </p:nvGraphicFramePr>
        <p:xfrm>
          <a:off x="232229" y="1393370"/>
          <a:ext cx="8636000" cy="5225143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sp>
        <p:nvSpPr>
          <p:cNvPr id="39944" name="Line 8"/>
          <p:cNvSpPr>
            <a:spLocks noChangeShapeType="1"/>
          </p:cNvSpPr>
          <p:nvPr/>
        </p:nvSpPr>
        <p:spPr bwMode="auto">
          <a:xfrm>
            <a:off x="2307771" y="2902856"/>
            <a:ext cx="5979886" cy="2795815"/>
          </a:xfrm>
          <a:prstGeom prst="line">
            <a:avLst/>
          </a:prstGeom>
          <a:noFill/>
          <a:ln w="9525">
            <a:solidFill>
              <a:srgbClr val="FF0000"/>
            </a:solidFill>
            <a:round/>
            <a:headEnd/>
            <a:tailEnd/>
          </a:ln>
        </p:spPr>
        <p:txBody>
          <a:bodyPr/>
          <a:lstStyle/>
          <a:p>
            <a:endParaRPr lang="en-US"/>
          </a:p>
        </p:txBody>
      </p:sp>
    </p:spTree>
  </p:cSld>
  <p:clrMapOvr>
    <a:masterClrMapping/>
  </p:clrMapOvr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7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7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8" dur="500" fill="hold"/>
                                        <p:tgtEl>
                                          <p:spTgt spid="7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  <p:par>
                    <p:cTn id="9" fill="hold">
                      <p:stCondLst>
                        <p:cond delay="indefinite"/>
                      </p:stCondLst>
                      <p:childTnLst>
                        <p:par>
                          <p:cTn id="10" fill="hold">
                            <p:stCondLst>
                              <p:cond delay="0"/>
                            </p:stCondLst>
                            <p:childTnLst>
                              <p:par>
                                <p:cTn id="11" presetID="2" presetClass="entr" presetSubtype="8" fill="hold" grpId="0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12" dur="1" fill="hold">
                                          <p:stCondLst>
                                            <p:cond delay="0"/>
                                          </p:stCondLst>
                                        </p:cTn>
                                        <p:tgtEl>
                                          <p:spTgt spid="3994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  <p:anim calcmode="lin" valueType="num">
                                      <p:cBhvr additive="base">
                                        <p:cTn id="13" dur="500" fill="hold"/>
                                        <p:tgtEl>
                                          <p:spTgt spid="39944"/>
                                        </p:tgtEl>
                                        <p:attrNameLst>
                                          <p:attrName>ppt_x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0-#ppt_w/2"/>
                                          </p:val>
                                        </p:tav>
                                        <p:tav tm="100000">
                                          <p:val>
                                            <p:strVal val="#ppt_x"/>
                                          </p:val>
                                        </p:tav>
                                      </p:tavLst>
                                    </p:anim>
                                    <p:anim calcmode="lin" valueType="num">
                                      <p:cBhvr additive="base">
                                        <p:cTn id="14" dur="500" fill="hold"/>
                                        <p:tgtEl>
                                          <p:spTgt spid="39944"/>
                                        </p:tgtEl>
                                        <p:attrNameLst>
                                          <p:attrName>ppt_y</p:attrName>
                                        </p:attrNameLst>
                                      </p:cBhvr>
                                      <p:tavLst>
                                        <p:tav tm="0">
                                          <p:val>
                                            <p:strVal val="#ppt_y"/>
                                          </p:val>
                                        </p:tav>
                                        <p:tav tm="100000">
                                          <p:val>
                                            <p:strVal val="#ppt_y"/>
                                          </p:val>
                                        </p:tav>
                                      </p:tavLst>
                                    </p:anim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Graphic spid="7" grpId="0">
        <p:bldAsOne/>
      </p:bldGraphic>
      <p:bldP spid="39944" grpId="0" animBg="1"/>
    </p:bldLst>
  </p:timing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>
              <a:defRPr/>
            </a:pPr>
            <a:r>
              <a:rPr lang="en-US" dirty="0" smtClean="0">
                <a:solidFill>
                  <a:srgbClr val="FFC000"/>
                </a:solidFill>
              </a:rPr>
              <a:t>Wheat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Warmer February </a:t>
            </a:r>
            <a:endParaRPr lang="en-US" dirty="0"/>
          </a:p>
        </p:txBody>
      </p:sp>
      <p:sp>
        <p:nvSpPr>
          <p:cNvPr id="33795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13 days above normal (2-3</a:t>
            </a:r>
            <a:r>
              <a:rPr lang="en-US" dirty="0" smtClean="0">
                <a:latin typeface="Calibri"/>
                <a:cs typeface="Calibri"/>
              </a:rPr>
              <a:t>⁰</a:t>
            </a:r>
            <a:r>
              <a:rPr lang="en-US" dirty="0" smtClean="0"/>
              <a:t>C) temperatures caused 28% reduction in wheat yield in </a:t>
            </a:r>
            <a:r>
              <a:rPr lang="en-US" dirty="0" err="1" smtClean="0"/>
              <a:t>Ludhehana</a:t>
            </a:r>
            <a:r>
              <a:rPr lang="en-US" dirty="0" smtClean="0"/>
              <a:t> (India). </a:t>
            </a:r>
            <a:r>
              <a:rPr lang="en-US" dirty="0" err="1" smtClean="0"/>
              <a:t>Goswami</a:t>
            </a:r>
            <a:r>
              <a:rPr lang="en-US" dirty="0" smtClean="0"/>
              <a:t> et al., 2005</a:t>
            </a:r>
          </a:p>
          <a:p>
            <a:pPr eaLnBrk="1" hangingPunct="1"/>
            <a:endParaRPr lang="en-US" dirty="0" smtClean="0"/>
          </a:p>
          <a:p>
            <a:pPr eaLnBrk="1" hangingPunct="1"/>
            <a:r>
              <a:rPr lang="en-US" dirty="0" smtClean="0"/>
              <a:t>In </a:t>
            </a:r>
            <a:r>
              <a:rPr lang="en-US" dirty="0" err="1" smtClean="0"/>
              <a:t>Sindh</a:t>
            </a:r>
            <a:r>
              <a:rPr lang="en-US" dirty="0" smtClean="0"/>
              <a:t> and southern Punjab, February (2006) was 2-4</a:t>
            </a:r>
            <a:r>
              <a:rPr lang="en-US" dirty="0" smtClean="0">
                <a:latin typeface="Calibri"/>
                <a:cs typeface="Calibri"/>
              </a:rPr>
              <a:t> ⁰ </a:t>
            </a:r>
            <a:r>
              <a:rPr lang="en-US" dirty="0" smtClean="0"/>
              <a:t>C warmer than normal and significant yield reductions were reported</a:t>
            </a:r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pPr eaLnBrk="1" hangingPunct="1">
              <a:defRPr/>
            </a:pPr>
            <a:r>
              <a:rPr lang="en-US" dirty="0" smtClean="0">
                <a:solidFill>
                  <a:srgbClr val="FFC000"/>
                </a:solidFill>
              </a:rPr>
              <a:t>Wheat</a:t>
            </a:r>
            <a:r>
              <a:rPr lang="en-US" dirty="0" smtClean="0"/>
              <a:t/>
            </a:r>
            <a:br>
              <a:rPr lang="en-US" dirty="0" smtClean="0"/>
            </a:br>
            <a:r>
              <a:rPr lang="en-US" dirty="0" smtClean="0"/>
              <a:t>Warmer March 2010</a:t>
            </a:r>
            <a:endParaRPr lang="en-US" dirty="0"/>
          </a:p>
        </p:txBody>
      </p:sp>
      <p:sp>
        <p:nvSpPr>
          <p:cNvPr id="34819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eaLnBrk="1" hangingPunct="1"/>
            <a:r>
              <a:rPr lang="en-US" dirty="0" smtClean="0"/>
              <a:t>Over most of the low elevation agricultural plains, the temperatures during last week of February and first decade of march remained 3-6</a:t>
            </a:r>
            <a:r>
              <a:rPr lang="en-US" dirty="0" smtClean="0">
                <a:latin typeface="Calibri"/>
                <a:cs typeface="Calibri"/>
              </a:rPr>
              <a:t> ⁰ </a:t>
            </a:r>
            <a:r>
              <a:rPr lang="en-US" dirty="0" smtClean="0"/>
              <a:t>C above normal.</a:t>
            </a:r>
          </a:p>
          <a:p>
            <a:pPr eaLnBrk="1" hangingPunct="1"/>
            <a:r>
              <a:rPr lang="en-US" dirty="0" smtClean="0"/>
              <a:t>Early maturity did not allow to gain the normal weight, size and starch contents in the grains.</a:t>
            </a:r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Future Projections of Temperature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/>
          </a:bodyPr>
          <a:lstStyle/>
          <a:p>
            <a:fld id="{3F792F09-DED8-44B7-B674-DCD5F5C5C53E}" type="slidenum">
              <a:rPr lang="en-US" smtClean="0"/>
              <a:pPr/>
              <a:t>23</a:t>
            </a:fld>
            <a:endParaRPr lang="en-US"/>
          </a:p>
        </p:txBody>
      </p:sp>
      <p:sp>
        <p:nvSpPr>
          <p:cNvPr id="4" name="Content Placeholder 3"/>
          <p:cNvSpPr>
            <a:spLocks noGrp="1"/>
          </p:cNvSpPr>
          <p:nvPr>
            <p:ph sz="quarter" idx="1"/>
          </p:nvPr>
        </p:nvSpPr>
        <p:spPr/>
        <p:txBody>
          <a:bodyPr/>
          <a:lstStyle/>
          <a:p>
            <a:r>
              <a:rPr lang="en-US" dirty="0" smtClean="0"/>
              <a:t>  </a:t>
            </a:r>
            <a:endParaRPr lang="en-US" dirty="0"/>
          </a:p>
        </p:txBody>
      </p:sp>
      <p:pic>
        <p:nvPicPr>
          <p:cNvPr id="1030" name="Chart 1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81000" y="1676400"/>
            <a:ext cx="2743200" cy="1828800"/>
          </a:xfrm>
          <a:prstGeom prst="rect">
            <a:avLst/>
          </a:prstGeom>
          <a:noFill/>
        </p:spPr>
      </p:pic>
      <p:pic>
        <p:nvPicPr>
          <p:cNvPr id="1029" name="Chart 2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200400" y="1676400"/>
            <a:ext cx="2590800" cy="1828800"/>
          </a:xfrm>
          <a:prstGeom prst="rect">
            <a:avLst/>
          </a:prstGeom>
          <a:noFill/>
        </p:spPr>
      </p:pic>
      <p:pic>
        <p:nvPicPr>
          <p:cNvPr id="1028" name="Chart 4"/>
          <p:cNvPicPr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867400" y="1676400"/>
            <a:ext cx="2895600" cy="1828800"/>
          </a:xfrm>
          <a:prstGeom prst="rect">
            <a:avLst/>
          </a:prstGeom>
          <a:noFill/>
        </p:spPr>
      </p:pic>
      <p:pic>
        <p:nvPicPr>
          <p:cNvPr id="1027" name="Chart 5"/>
          <p:cNvPicPr>
            <a:picLocks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381000" y="4191000"/>
            <a:ext cx="2743200" cy="1943100"/>
          </a:xfrm>
          <a:prstGeom prst="rect">
            <a:avLst/>
          </a:prstGeom>
          <a:noFill/>
        </p:spPr>
      </p:pic>
      <p:pic>
        <p:nvPicPr>
          <p:cNvPr id="1026" name="Chart 10"/>
          <p:cNvPicPr>
            <a:picLocks noChangeArrowheads="1"/>
          </p:cNvPicPr>
          <p:nvPr/>
        </p:nvPicPr>
        <p:blipFill>
          <a:blip r:embed="rId6" cstate="print"/>
          <a:srcRect/>
          <a:stretch>
            <a:fillRect/>
          </a:stretch>
        </p:blipFill>
        <p:spPr bwMode="auto">
          <a:xfrm>
            <a:off x="3200400" y="4191000"/>
            <a:ext cx="2667000" cy="1981200"/>
          </a:xfrm>
          <a:prstGeom prst="rect">
            <a:avLst/>
          </a:prstGeom>
          <a:noFill/>
        </p:spPr>
      </p:pic>
      <p:pic>
        <p:nvPicPr>
          <p:cNvPr id="1025" name="Chart 11"/>
          <p:cNvPicPr>
            <a:picLocks noChangeArrowheads="1"/>
          </p:cNvPicPr>
          <p:nvPr/>
        </p:nvPicPr>
        <p:blipFill>
          <a:blip r:embed="rId7" cstate="print"/>
          <a:srcRect/>
          <a:stretch>
            <a:fillRect/>
          </a:stretch>
        </p:blipFill>
        <p:spPr bwMode="auto">
          <a:xfrm>
            <a:off x="5943600" y="4191000"/>
            <a:ext cx="2819400" cy="1981200"/>
          </a:xfrm>
          <a:prstGeom prst="rect">
            <a:avLst/>
          </a:prstGeom>
          <a:noFill/>
        </p:spPr>
      </p:pic>
      <p:sp>
        <p:nvSpPr>
          <p:cNvPr id="1031" name="Rectangle 7"/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32" name="Rectangle 8"/>
          <p:cNvSpPr>
            <a:spLocks noChangeArrowheads="1"/>
          </p:cNvSpPr>
          <p:nvPr/>
        </p:nvSpPr>
        <p:spPr bwMode="auto">
          <a:xfrm>
            <a:off x="0" y="17240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1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Times New Roman" pitchFamily="18" charset="0"/>
              </a:rPr>
              <a:t>  </a:t>
            </a: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1033" name="Rectangle 9"/>
          <p:cNvSpPr>
            <a:spLocks noChangeArrowheads="1"/>
          </p:cNvSpPr>
          <p:nvPr/>
        </p:nvSpPr>
        <p:spPr bwMode="auto">
          <a:xfrm>
            <a:off x="0" y="299085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1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Times New Roman" pitchFamily="18" charset="0"/>
              </a:rPr>
              <a:t>  </a:t>
            </a: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1034" name="Rectangle 10"/>
          <p:cNvSpPr>
            <a:spLocks noChangeArrowheads="1"/>
          </p:cNvSpPr>
          <p:nvPr/>
        </p:nvSpPr>
        <p:spPr bwMode="auto">
          <a:xfrm>
            <a:off x="0" y="424815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1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Times New Roman" pitchFamily="18" charset="0"/>
              </a:rPr>
              <a:t>     </a:t>
            </a: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1035" name="Rectangle 11"/>
          <p:cNvSpPr>
            <a:spLocks noChangeArrowheads="1"/>
          </p:cNvSpPr>
          <p:nvPr/>
        </p:nvSpPr>
        <p:spPr bwMode="auto">
          <a:xfrm>
            <a:off x="0" y="550545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1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Times New Roman" pitchFamily="18" charset="0"/>
              </a:rPr>
              <a:t>  </a:t>
            </a: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1036" name="Rectangle 12"/>
          <p:cNvSpPr>
            <a:spLocks noChangeArrowheads="1"/>
          </p:cNvSpPr>
          <p:nvPr/>
        </p:nvSpPr>
        <p:spPr bwMode="auto">
          <a:xfrm>
            <a:off x="0" y="67818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1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Times New Roman" pitchFamily="18" charset="0"/>
              </a:rPr>
              <a:t>   </a:t>
            </a: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</p:spTree>
  </p:cSld>
  <p:clrMapOvr>
    <a:masterClrMapping/>
  </p:clrMapOvr>
  <p:transition spd="med"/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ainfall Projections for Sindh</a:t>
            </a:r>
            <a:endParaRPr lang="en-US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>
            <a:normAutofit/>
          </a:bodyPr>
          <a:lstStyle/>
          <a:p>
            <a:fld id="{3F792F09-DED8-44B7-B674-DCD5F5C5C53E}" type="slidenum">
              <a:rPr lang="en-US" smtClean="0"/>
              <a:pPr/>
              <a:t>24</a:t>
            </a:fld>
            <a:endParaRPr lang="en-US"/>
          </a:p>
        </p:txBody>
      </p:sp>
      <p:pic>
        <p:nvPicPr>
          <p:cNvPr id="1028" name="Chart 6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77371" y="1407885"/>
            <a:ext cx="3966029" cy="2322285"/>
          </a:xfrm>
          <a:prstGeom prst="rect">
            <a:avLst/>
          </a:prstGeom>
          <a:noFill/>
        </p:spPr>
      </p:pic>
      <p:pic>
        <p:nvPicPr>
          <p:cNvPr id="1027" name="Chart 7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648199" y="1393371"/>
            <a:ext cx="3958771" cy="2307772"/>
          </a:xfrm>
          <a:prstGeom prst="rect">
            <a:avLst/>
          </a:prstGeom>
          <a:noFill/>
        </p:spPr>
      </p:pic>
      <p:pic>
        <p:nvPicPr>
          <p:cNvPr id="1026" name="Chart 8"/>
          <p:cNvPicPr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362857" y="3831771"/>
            <a:ext cx="3995057" cy="2561772"/>
          </a:xfrm>
          <a:prstGeom prst="rect">
            <a:avLst/>
          </a:prstGeom>
          <a:noFill/>
        </p:spPr>
      </p:pic>
      <p:pic>
        <p:nvPicPr>
          <p:cNvPr id="1025" name="Chart 9"/>
          <p:cNvPicPr>
            <a:picLocks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4706258" y="3788229"/>
            <a:ext cx="3929742" cy="2619828"/>
          </a:xfrm>
          <a:prstGeom prst="rect">
            <a:avLst/>
          </a:prstGeom>
          <a:noFill/>
        </p:spPr>
      </p:pic>
      <p:sp>
        <p:nvSpPr>
          <p:cNvPr id="1029" name="Rectangle 5"/>
          <p:cNvSpPr>
            <a:spLocks noChangeArrowheads="1"/>
          </p:cNvSpPr>
          <p:nvPr/>
        </p:nvSpPr>
        <p:spPr bwMode="auto">
          <a:xfrm>
            <a:off x="0" y="0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30" name="Rectangle 6"/>
          <p:cNvSpPr>
            <a:spLocks noChangeArrowheads="1"/>
          </p:cNvSpPr>
          <p:nvPr/>
        </p:nvSpPr>
        <p:spPr bwMode="auto">
          <a:xfrm>
            <a:off x="0" y="1676400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1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Times New Roman" pitchFamily="18" charset="0"/>
              </a:rPr>
              <a:t>       </a:t>
            </a: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  <p:sp>
        <p:nvSpPr>
          <p:cNvPr id="1031" name="Rectangle 7"/>
          <p:cNvSpPr>
            <a:spLocks noChangeArrowheads="1"/>
          </p:cNvSpPr>
          <p:nvPr/>
        </p:nvSpPr>
        <p:spPr bwMode="auto">
          <a:xfrm>
            <a:off x="0" y="2895600"/>
            <a:ext cx="9144000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endParaRPr lang="en-US"/>
          </a:p>
        </p:txBody>
      </p:sp>
      <p:sp>
        <p:nvSpPr>
          <p:cNvPr id="1032" name="Rectangle 8"/>
          <p:cNvSpPr>
            <a:spLocks noChangeArrowheads="1"/>
          </p:cNvSpPr>
          <p:nvPr/>
        </p:nvSpPr>
        <p:spPr bwMode="auto">
          <a:xfrm>
            <a:off x="0" y="4581525"/>
            <a:ext cx="9144000" cy="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none" lIns="91440" tIns="45720" rIns="91440" bIns="45720" numCol="1" anchor="ctr" anchorCtr="0" compatLnSpc="1">
            <a:prstTxWarp prst="textNoShape">
              <a:avLst/>
            </a:prstTxWarp>
            <a:spAutoFit/>
          </a:bodyPr>
          <a:lstStyle/>
          <a:p>
            <a:pPr marL="0" marR="0" lvl="0" indent="0" algn="just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r>
              <a:rPr kumimoji="0" lang="en-US" sz="1100" b="0" i="0" u="none" strike="noStrike" cap="none" normalizeH="0" baseline="0" smtClean="0">
                <a:ln>
                  <a:noFill/>
                </a:ln>
                <a:solidFill>
                  <a:schemeClr val="tx1"/>
                </a:solidFill>
                <a:effectLst/>
                <a:latin typeface="Arial" pitchFamily="34" charset="0"/>
                <a:ea typeface="Calibri" pitchFamily="34" charset="0"/>
                <a:cs typeface="Times New Roman" pitchFamily="18" charset="0"/>
              </a:rPr>
              <a:t>       </a:t>
            </a:r>
            <a:endParaRPr kumimoji="0" lang="en-US" sz="1800" b="0" i="0" u="none" strike="noStrike" cap="none" normalizeH="0" baseline="0" smtClean="0">
              <a:ln>
                <a:noFill/>
              </a:ln>
              <a:solidFill>
                <a:schemeClr val="tx1"/>
              </a:solidFill>
              <a:effectLst/>
              <a:latin typeface="Arial" pitchFamily="34" charset="0"/>
            </a:endParaRPr>
          </a:p>
        </p:txBody>
      </p:sp>
    </p:spTree>
  </p:cSld>
  <p:clrMapOvr>
    <a:masterClrMapping/>
  </p:clrMapOvr>
  <p:transition spd="med"/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088571"/>
          </a:xfrm>
        </p:spPr>
        <p:txBody>
          <a:bodyPr>
            <a:normAutofit/>
          </a:bodyPr>
          <a:lstStyle/>
          <a:p>
            <a:r>
              <a:rPr lang="en-US" dirty="0" smtClean="0"/>
              <a:t>Major Challenges 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>
            <a:noAutofit/>
          </a:bodyPr>
          <a:lstStyle/>
          <a:p>
            <a:r>
              <a:rPr lang="en-US" dirty="0" smtClean="0"/>
              <a:t>Pakistan is one of the most vulnerable nation to the challenges of climate change such as:</a:t>
            </a:r>
          </a:p>
          <a:p>
            <a:r>
              <a:rPr lang="en-US" sz="2400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Reduction in productivity </a:t>
            </a:r>
            <a:r>
              <a:rPr lang="en-US" sz="2400" dirty="0" smtClean="0"/>
              <a:t>of  crops and livestock due to heat stress and  other adverse impacts of change in climate</a:t>
            </a:r>
          </a:p>
          <a:p>
            <a:r>
              <a:rPr lang="en-US" sz="2400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Increase in water requirements</a:t>
            </a:r>
            <a:r>
              <a:rPr lang="en-US" sz="2400" dirty="0" smtClean="0"/>
              <a:t> of due to  higher evapotranspiration at elevated Temperatures, while less water will be available</a:t>
            </a:r>
          </a:p>
          <a:p>
            <a:r>
              <a:rPr lang="en-US" sz="2400" dirty="0" smtClean="0"/>
              <a:t>Uncertain timely </a:t>
            </a:r>
            <a:r>
              <a:rPr lang="en-US" sz="2400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availability of irrigation </a:t>
            </a:r>
            <a:r>
              <a:rPr lang="en-US" sz="2400" dirty="0" smtClean="0"/>
              <a:t>water due to variable river flows</a:t>
            </a:r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219200"/>
          </a:xfrm>
        </p:spPr>
        <p:txBody>
          <a:bodyPr>
            <a:normAutofit/>
          </a:bodyPr>
          <a:lstStyle/>
          <a:p>
            <a:r>
              <a:rPr lang="en-US" dirty="0" smtClean="0"/>
              <a:t>Major Challenges  (</a:t>
            </a:r>
            <a:r>
              <a:rPr lang="en-US" sz="2400" dirty="0" smtClean="0"/>
              <a:t>Conti…</a:t>
            </a:r>
            <a:r>
              <a:rPr lang="en-US" dirty="0" smtClean="0"/>
              <a:t>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>
            <a:normAutofit fontScale="92500" lnSpcReduction="10000"/>
          </a:bodyPr>
          <a:lstStyle/>
          <a:p>
            <a:r>
              <a:rPr lang="en-US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Erratic and uncertain rainfall patterns </a:t>
            </a:r>
            <a:r>
              <a:rPr lang="en-US" dirty="0" smtClean="0"/>
              <a:t>may affect food production particularly in rain-fed areas</a:t>
            </a:r>
          </a:p>
          <a:p>
            <a:endParaRPr lang="en-US" dirty="0" smtClean="0"/>
          </a:p>
          <a:p>
            <a:r>
              <a:rPr lang="en-US" dirty="0" smtClean="0"/>
              <a:t>Increase in frequency and intensity of extreme climatic events such as </a:t>
            </a:r>
            <a:r>
              <a:rPr lang="en-US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floods, drought and cyclones</a:t>
            </a:r>
          </a:p>
          <a:p>
            <a:endParaRPr lang="en-US" dirty="0" smtClean="0"/>
          </a:p>
          <a:p>
            <a:r>
              <a:rPr lang="en-US" dirty="0" smtClean="0"/>
              <a:t>Abundance of </a:t>
            </a:r>
            <a:r>
              <a:rPr lang="en-US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insects, pests and pathogens </a:t>
            </a:r>
            <a:r>
              <a:rPr lang="en-US" dirty="0" smtClean="0"/>
              <a:t>in warmer and more humid environment, particularly after heavy rains and floods</a:t>
            </a:r>
          </a:p>
          <a:p>
            <a:endParaRPr lang="en-US" dirty="0"/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0"/>
            <a:ext cx="8229600" cy="1295400"/>
          </a:xfrm>
        </p:spPr>
        <p:txBody>
          <a:bodyPr>
            <a:normAutofit/>
          </a:bodyPr>
          <a:lstStyle/>
          <a:p>
            <a:r>
              <a:rPr lang="en-US" dirty="0" smtClean="0"/>
              <a:t>Major Challenges  (</a:t>
            </a:r>
            <a:r>
              <a:rPr lang="en-US" sz="2400" dirty="0" smtClean="0"/>
              <a:t>Conti…</a:t>
            </a:r>
            <a:r>
              <a:rPr lang="en-US" dirty="0" smtClean="0"/>
              <a:t>)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>
            <a:normAutofit/>
          </a:bodyPr>
          <a:lstStyle/>
          <a:p>
            <a:r>
              <a:rPr lang="en-US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Intrusion of sea water </a:t>
            </a:r>
            <a:r>
              <a:rPr lang="en-US" dirty="0" smtClean="0"/>
              <a:t>into deltaic regions of country, affecting coastal agriculture, forestry and biodiversity</a:t>
            </a:r>
          </a:p>
          <a:p>
            <a:r>
              <a:rPr lang="en-US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Lack of technical capacity </a:t>
            </a:r>
            <a:r>
              <a:rPr lang="en-US" dirty="0" smtClean="0"/>
              <a:t>of public institutions and limited resources </a:t>
            </a:r>
          </a:p>
          <a:p>
            <a:r>
              <a:rPr lang="en-US" dirty="0" smtClean="0">
                <a:solidFill>
                  <a:schemeClr val="accent6">
                    <a:lumMod val="60000"/>
                    <a:lumOff val="40000"/>
                  </a:schemeClr>
                </a:solidFill>
              </a:rPr>
              <a:t>Low adaptive capacity</a:t>
            </a:r>
            <a:r>
              <a:rPr lang="en-US" dirty="0" smtClean="0"/>
              <a:t> to adverse climate change impacts</a:t>
            </a:r>
            <a:endParaRPr lang="en-US" dirty="0"/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commendation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sz="3200" dirty="0" smtClean="0"/>
              <a:t>To mitigate the risks/threats due to climate change:</a:t>
            </a:r>
          </a:p>
          <a:p>
            <a:endParaRPr lang="en-US" sz="3200" dirty="0" smtClean="0"/>
          </a:p>
          <a:p>
            <a:r>
              <a:rPr lang="en-US" dirty="0" smtClean="0"/>
              <a:t>Effective implementation of approved </a:t>
            </a:r>
            <a:r>
              <a:rPr lang="en-US" dirty="0" smtClean="0">
                <a:solidFill>
                  <a:schemeClr val="accent2">
                    <a:lumMod val="40000"/>
                    <a:lumOff val="60000"/>
                  </a:schemeClr>
                </a:solidFill>
              </a:rPr>
              <a:t>climate change policy </a:t>
            </a:r>
            <a:r>
              <a:rPr lang="en-US" dirty="0" smtClean="0"/>
              <a:t>of Pakistan</a:t>
            </a:r>
          </a:p>
          <a:p>
            <a:endParaRPr lang="en-US" dirty="0" smtClean="0"/>
          </a:p>
          <a:p>
            <a:r>
              <a:rPr lang="en-US" dirty="0" smtClean="0">
                <a:solidFill>
                  <a:schemeClr val="accent2">
                    <a:lumMod val="40000"/>
                    <a:lumOff val="60000"/>
                  </a:schemeClr>
                </a:solidFill>
              </a:rPr>
              <a:t>Climate change monitoring and impact assessment  </a:t>
            </a:r>
            <a:r>
              <a:rPr lang="en-US" dirty="0" smtClean="0"/>
              <a:t>activities should be organized on scientific basis by filling the observational gaps over low elevation plains and glaciers zones</a:t>
            </a:r>
            <a:endParaRPr lang="en-US" dirty="0"/>
          </a:p>
        </p:txBody>
      </p:sp>
    </p:spTree>
  </p:cSld>
  <p:clrMapOvr>
    <a:masterClrMapping/>
  </p:clrMapOvr>
  <p:transition spd="med"/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commendations </a:t>
            </a:r>
            <a:r>
              <a:rPr lang="en-US" sz="2400" dirty="0" smtClean="0"/>
              <a:t>(Conti…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dirty="0" smtClean="0">
                <a:solidFill>
                  <a:schemeClr val="accent2">
                    <a:lumMod val="40000"/>
                    <a:lumOff val="60000"/>
                  </a:schemeClr>
                </a:solidFill>
              </a:rPr>
              <a:t>Climate resilient infrastructure </a:t>
            </a:r>
            <a:r>
              <a:rPr lang="en-US" dirty="0" smtClean="0"/>
              <a:t>should be built  along the coastal  belt and wind power potential already identified along Sindh coast be harnessed to initiate economic activity - a step towards green economy</a:t>
            </a:r>
          </a:p>
          <a:p>
            <a:endParaRPr lang="en-US" dirty="0" smtClean="0"/>
          </a:p>
          <a:p>
            <a:r>
              <a:rPr lang="en-US" dirty="0" smtClean="0"/>
              <a:t>Increasing losses of crops and livestock due to  frequent floods,  drought and  tropical cyclones have been pressing the farming community’s marginal economic condition harder and harder, therefore, </a:t>
            </a:r>
            <a:r>
              <a:rPr lang="en-US" dirty="0" smtClean="0">
                <a:solidFill>
                  <a:schemeClr val="accent2">
                    <a:lumMod val="40000"/>
                    <a:lumOff val="60000"/>
                  </a:schemeClr>
                </a:solidFill>
              </a:rPr>
              <a:t>Insurance industry </a:t>
            </a:r>
            <a:r>
              <a:rPr lang="en-US" dirty="0" smtClean="0"/>
              <a:t>should be urged to play its role</a:t>
            </a:r>
            <a:endParaRPr lang="en-US" dirty="0"/>
          </a:p>
        </p:txBody>
      </p:sp>
    </p:spTree>
  </p:cSld>
  <p:clrMapOvr>
    <a:masterClrMapping/>
  </p:clrMapOvr>
  <p:transition spd="med"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8370" name="Rectangle 2"/>
          <p:cNvSpPr>
            <a:spLocks noChangeArrowheads="1"/>
          </p:cNvSpPr>
          <p:nvPr/>
        </p:nvSpPr>
        <p:spPr bwMode="auto">
          <a:xfrm>
            <a:off x="468313" y="115888"/>
            <a:ext cx="8229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anchor="ctr"/>
          <a:lstStyle/>
          <a:p>
            <a:pPr algn="ctr">
              <a:defRPr/>
            </a:pPr>
            <a:r>
              <a:rPr lang="en-US" altLang="zh-CN" sz="5400" dirty="0">
                <a:solidFill>
                  <a:schemeClr val="accent1"/>
                </a:solidFill>
                <a:effectLst>
                  <a:outerShdw blurRad="38100" dist="38100" dir="2700000" algn="tl">
                    <a:srgbClr val="000000"/>
                  </a:outerShdw>
                </a:effectLst>
                <a:latin typeface="Tahoma" charset="0"/>
                <a:ea typeface="宋体" pitchFamily="2" charset="-122"/>
                <a:cs typeface="Arial" charset="0"/>
              </a:rPr>
              <a:t>Climate System</a:t>
            </a:r>
          </a:p>
        </p:txBody>
      </p:sp>
      <p:sp>
        <p:nvSpPr>
          <p:cNvPr id="26627" name="Rectangle 3"/>
          <p:cNvSpPr>
            <a:spLocks noChangeArrowheads="1"/>
          </p:cNvSpPr>
          <p:nvPr/>
        </p:nvSpPr>
        <p:spPr bwMode="auto">
          <a:xfrm>
            <a:off x="250825" y="1443038"/>
            <a:ext cx="8642350" cy="5195887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/>
          <a:lstStyle/>
          <a:p>
            <a:pPr marL="342900" indent="-342900">
              <a:spcBef>
                <a:spcPct val="20000"/>
              </a:spcBef>
              <a:buClr>
                <a:schemeClr val="hlink"/>
              </a:buClr>
              <a:buSzPct val="120000"/>
              <a:buFontTx/>
              <a:buChar char="•"/>
            </a:pPr>
            <a:r>
              <a:rPr lang="en-US" altLang="zh-CN" sz="3600" b="1">
                <a:solidFill>
                  <a:schemeClr val="accent1"/>
                </a:solidFill>
                <a:ea typeface="宋体" pitchFamily="2" charset="-122"/>
              </a:rPr>
              <a:t>Atmosphere:</a:t>
            </a:r>
            <a:r>
              <a:rPr lang="en-US" altLang="zh-CN" sz="3600">
                <a:solidFill>
                  <a:srgbClr val="008080"/>
                </a:solidFill>
                <a:ea typeface="宋体" pitchFamily="2" charset="-122"/>
              </a:rPr>
              <a:t> </a:t>
            </a:r>
            <a:r>
              <a:rPr lang="en-US" altLang="zh-CN" sz="3200">
                <a:solidFill>
                  <a:schemeClr val="hlink"/>
                </a:solidFill>
                <a:ea typeface="宋体" pitchFamily="2" charset="-122"/>
              </a:rPr>
              <a:t>Troposphere, Stratosphere, Mesosphere, Thermosphere and Ionosphere</a:t>
            </a:r>
            <a:endParaRPr lang="en-US" altLang="zh-CN" sz="3600">
              <a:solidFill>
                <a:schemeClr val="hlink"/>
              </a:solidFill>
              <a:ea typeface="宋体" pitchFamily="2" charset="-122"/>
            </a:endParaRPr>
          </a:p>
          <a:p>
            <a:pPr marL="342900" indent="-342900">
              <a:spcBef>
                <a:spcPct val="20000"/>
              </a:spcBef>
              <a:buClr>
                <a:schemeClr val="hlink"/>
              </a:buClr>
              <a:buSzPct val="120000"/>
              <a:buFontTx/>
              <a:buChar char="•"/>
            </a:pPr>
            <a:r>
              <a:rPr lang="en-US" altLang="zh-CN" sz="3600" b="1">
                <a:solidFill>
                  <a:schemeClr val="accent1"/>
                </a:solidFill>
                <a:ea typeface="宋体" pitchFamily="2" charset="-122"/>
              </a:rPr>
              <a:t>Hydrosphere:</a:t>
            </a:r>
            <a:r>
              <a:rPr lang="en-US" altLang="zh-CN" sz="3600">
                <a:solidFill>
                  <a:srgbClr val="008080"/>
                </a:solidFill>
                <a:ea typeface="宋体" pitchFamily="2" charset="-122"/>
              </a:rPr>
              <a:t> </a:t>
            </a:r>
            <a:r>
              <a:rPr lang="en-US" altLang="zh-CN" sz="3600">
                <a:ea typeface="宋体" pitchFamily="2" charset="-122"/>
              </a:rPr>
              <a:t>T</a:t>
            </a:r>
            <a:r>
              <a:rPr lang="en-US" altLang="zh-CN" sz="3200">
                <a:ea typeface="宋体" pitchFamily="2" charset="-122"/>
              </a:rPr>
              <a:t>he oceans, rivers &amp; inland water masses </a:t>
            </a:r>
            <a:endParaRPr lang="en-US" altLang="zh-CN" sz="3600">
              <a:ea typeface="宋体" pitchFamily="2" charset="-122"/>
            </a:endParaRPr>
          </a:p>
          <a:p>
            <a:pPr marL="342900" indent="-342900">
              <a:spcBef>
                <a:spcPct val="20000"/>
              </a:spcBef>
              <a:buClr>
                <a:schemeClr val="hlink"/>
              </a:buClr>
              <a:buSzPct val="120000"/>
              <a:buFontTx/>
              <a:buChar char="•"/>
            </a:pPr>
            <a:r>
              <a:rPr lang="en-US" altLang="zh-CN" sz="3600" b="1">
                <a:solidFill>
                  <a:schemeClr val="accent1"/>
                </a:solidFill>
                <a:ea typeface="宋体" pitchFamily="2" charset="-122"/>
              </a:rPr>
              <a:t>Cryosphere: </a:t>
            </a:r>
            <a:r>
              <a:rPr lang="en-US" altLang="zh-CN" sz="3600">
                <a:solidFill>
                  <a:schemeClr val="accent2"/>
                </a:solidFill>
                <a:ea typeface="宋体" pitchFamily="2" charset="-122"/>
              </a:rPr>
              <a:t>T</a:t>
            </a:r>
            <a:r>
              <a:rPr lang="en-US" altLang="zh-CN" sz="3200">
                <a:solidFill>
                  <a:schemeClr val="accent2"/>
                </a:solidFill>
                <a:ea typeface="宋体" pitchFamily="2" charset="-122"/>
              </a:rPr>
              <a:t>he snow, ice &amp; permafrost </a:t>
            </a:r>
            <a:endParaRPr lang="en-US" altLang="zh-CN" sz="3600">
              <a:solidFill>
                <a:schemeClr val="accent2"/>
              </a:solidFill>
              <a:ea typeface="宋体" pitchFamily="2" charset="-122"/>
            </a:endParaRPr>
          </a:p>
          <a:p>
            <a:pPr marL="342900" indent="-342900">
              <a:spcBef>
                <a:spcPct val="20000"/>
              </a:spcBef>
              <a:buClr>
                <a:schemeClr val="hlink"/>
              </a:buClr>
              <a:buSzPct val="120000"/>
              <a:buFontTx/>
              <a:buChar char="•"/>
            </a:pPr>
            <a:r>
              <a:rPr lang="en-US" altLang="zh-CN" sz="3600" b="1">
                <a:solidFill>
                  <a:schemeClr val="accent1"/>
                </a:solidFill>
                <a:ea typeface="宋体" pitchFamily="2" charset="-122"/>
              </a:rPr>
              <a:t>Biosphere: </a:t>
            </a:r>
            <a:r>
              <a:rPr lang="en-US" altLang="zh-CN" sz="3600" b="1">
                <a:ea typeface="宋体" pitchFamily="2" charset="-122"/>
              </a:rPr>
              <a:t>V</a:t>
            </a:r>
            <a:r>
              <a:rPr lang="en-US" altLang="zh-CN" sz="3600">
                <a:ea typeface="宋体" pitchFamily="2" charset="-122"/>
              </a:rPr>
              <a:t>egetation, animals and human beings</a:t>
            </a:r>
          </a:p>
          <a:p>
            <a:pPr marL="342900" indent="-342900">
              <a:spcBef>
                <a:spcPct val="20000"/>
              </a:spcBef>
              <a:buClr>
                <a:schemeClr val="hlink"/>
              </a:buClr>
              <a:buSzPct val="120000"/>
              <a:buFontTx/>
              <a:buChar char="•"/>
            </a:pPr>
            <a:r>
              <a:rPr lang="en-US" altLang="zh-CN" sz="3600" b="1">
                <a:solidFill>
                  <a:schemeClr val="accent1"/>
                </a:solidFill>
                <a:ea typeface="宋体" pitchFamily="2" charset="-122"/>
              </a:rPr>
              <a:t>Lithosphere:</a:t>
            </a:r>
            <a:r>
              <a:rPr lang="en-US" altLang="zh-CN" sz="3600">
                <a:solidFill>
                  <a:srgbClr val="008080"/>
                </a:solidFill>
                <a:ea typeface="宋体" pitchFamily="2" charset="-122"/>
              </a:rPr>
              <a:t> </a:t>
            </a:r>
            <a:r>
              <a:rPr lang="en-US" altLang="zh-CN" sz="3600">
                <a:ea typeface="宋体" pitchFamily="2" charset="-122"/>
              </a:rPr>
              <a:t>S</a:t>
            </a:r>
            <a:r>
              <a:rPr lang="en-US" altLang="zh-CN" sz="3200">
                <a:solidFill>
                  <a:schemeClr val="hlink"/>
                </a:solidFill>
                <a:ea typeface="宋体" pitchFamily="2" charset="-122"/>
              </a:rPr>
              <a:t>oil, the deeper layer below soil, sea bed</a:t>
            </a:r>
          </a:p>
        </p:txBody>
      </p:sp>
    </p:spTree>
  </p:cSld>
  <p:clrMapOvr>
    <a:masterClrMapping/>
  </p:clrMapOvr>
  <p:transition spd="med"/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commendations </a:t>
            </a:r>
            <a:r>
              <a:rPr lang="en-US" sz="2400" dirty="0" smtClean="0"/>
              <a:t>(Conti…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>
          <a:xfrm>
            <a:off x="333829" y="1509486"/>
            <a:ext cx="8432799" cy="4357914"/>
          </a:xfrm>
        </p:spPr>
        <p:txBody>
          <a:bodyPr>
            <a:normAutofit/>
          </a:bodyPr>
          <a:lstStyle/>
          <a:p>
            <a:r>
              <a:rPr lang="en-US" dirty="0" smtClean="0"/>
              <a:t>Low elevation and poor drainage have been causing water logging and salinity which required technically viable </a:t>
            </a:r>
            <a:r>
              <a:rPr lang="en-US" dirty="0" smtClean="0">
                <a:solidFill>
                  <a:schemeClr val="accent2">
                    <a:lumMod val="40000"/>
                    <a:lumOff val="60000"/>
                  </a:schemeClr>
                </a:solidFill>
              </a:rPr>
              <a:t>drainage </a:t>
            </a:r>
            <a:r>
              <a:rPr lang="en-US" dirty="0" smtClean="0"/>
              <a:t>infrastructure to reclaim the soils</a:t>
            </a:r>
          </a:p>
          <a:p>
            <a:endParaRPr lang="en-US" dirty="0" smtClean="0"/>
          </a:p>
          <a:p>
            <a:r>
              <a:rPr lang="en-US" dirty="0" smtClean="0">
                <a:solidFill>
                  <a:schemeClr val="accent2">
                    <a:lumMod val="40000"/>
                    <a:lumOff val="60000"/>
                  </a:schemeClr>
                </a:solidFill>
              </a:rPr>
              <a:t>Irrigation Efficient Methods </a:t>
            </a:r>
            <a:r>
              <a:rPr lang="en-US" dirty="0" smtClean="0"/>
              <a:t>such as use of sprinkler, drip and trickle irrigation systems be promoted</a:t>
            </a:r>
          </a:p>
          <a:p>
            <a:endParaRPr lang="en-US" dirty="0"/>
          </a:p>
        </p:txBody>
      </p:sp>
    </p:spTree>
  </p:cSld>
  <p:clrMapOvr>
    <a:masterClrMapping/>
  </p:clrMapOvr>
  <p:transition spd="med"/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Recommendations </a:t>
            </a:r>
            <a:r>
              <a:rPr lang="en-US" sz="2400" dirty="0" smtClean="0"/>
              <a:t>(Conti…)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sz="quarter" idx="1"/>
          </p:nvPr>
        </p:nvSpPr>
        <p:spPr/>
        <p:txBody>
          <a:bodyPr>
            <a:normAutofit/>
          </a:bodyPr>
          <a:lstStyle/>
          <a:p>
            <a:r>
              <a:rPr lang="en-US" dirty="0" smtClean="0"/>
              <a:t>Local Industry concerned with </a:t>
            </a:r>
            <a:r>
              <a:rPr lang="en-US" dirty="0" smtClean="0">
                <a:solidFill>
                  <a:schemeClr val="accent2">
                    <a:lumMod val="40000"/>
                    <a:lumOff val="60000"/>
                  </a:schemeClr>
                </a:solidFill>
              </a:rPr>
              <a:t>solar energy </a:t>
            </a:r>
            <a:r>
              <a:rPr lang="en-US" dirty="0" smtClean="0"/>
              <a:t>solutions should be encouraged to play its role using this precious natural resource as an initiative to green economy</a:t>
            </a:r>
          </a:p>
          <a:p>
            <a:endParaRPr lang="en-US" dirty="0" smtClean="0"/>
          </a:p>
        </p:txBody>
      </p:sp>
    </p:spTree>
  </p:cSld>
  <p:clrMapOvr>
    <a:masterClrMapping/>
  </p:clrMapOvr>
  <p:transition spd="med"/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44194" name="Title 1"/>
          <p:cNvSpPr>
            <a:spLocks noGrp="1"/>
          </p:cNvSpPr>
          <p:nvPr>
            <p:ph type="title" idx="4294967295"/>
          </p:nvPr>
        </p:nvSpPr>
        <p:spPr>
          <a:xfrm>
            <a:off x="0" y="304800"/>
            <a:ext cx="9144000" cy="762000"/>
          </a:xfrm>
        </p:spPr>
        <p:txBody>
          <a:bodyPr lIns="0" rIns="0" bIns="0"/>
          <a:lstStyle/>
          <a:p>
            <a:pPr eaLnBrk="1" hangingPunct="1">
              <a:defRPr/>
            </a:pPr>
            <a:r>
              <a:rPr lang="en-US" sz="3600" dirty="0" smtClean="0">
                <a:solidFill>
                  <a:srgbClr val="FF0000"/>
                </a:solidFill>
              </a:rPr>
              <a:t>Summary</a:t>
            </a:r>
          </a:p>
        </p:txBody>
      </p:sp>
      <p:sp>
        <p:nvSpPr>
          <p:cNvPr id="1544195" name="Content Placeholder 2"/>
          <p:cNvSpPr>
            <a:spLocks noGrp="1"/>
          </p:cNvSpPr>
          <p:nvPr>
            <p:ph idx="4294967295"/>
          </p:nvPr>
        </p:nvSpPr>
        <p:spPr>
          <a:xfrm>
            <a:off x="711200" y="1447800"/>
            <a:ext cx="7823200" cy="4876800"/>
          </a:xfrm>
        </p:spPr>
        <p:txBody>
          <a:bodyPr/>
          <a:lstStyle/>
          <a:p>
            <a:pPr marL="273050" indent="-273050" algn="ctr" eaLnBrk="1" hangingPunct="1">
              <a:buFontTx/>
              <a:buNone/>
              <a:defRPr/>
            </a:pPr>
            <a:r>
              <a:rPr lang="en-US" sz="3300" b="1" dirty="0" smtClean="0"/>
              <a:t>“</a:t>
            </a:r>
            <a:r>
              <a:rPr lang="en-US" dirty="0" smtClean="0">
                <a:solidFill>
                  <a:schemeClr val="accent1"/>
                </a:solidFill>
              </a:rPr>
              <a:t>A key emerging issue in the climate change debate that exemplifies this challenge is </a:t>
            </a:r>
            <a:r>
              <a:rPr lang="en-US" sz="3300" b="1" dirty="0" smtClean="0">
                <a:solidFill>
                  <a:schemeClr val="accent1"/>
                </a:solidFill>
              </a:rPr>
              <a:t>food</a:t>
            </a:r>
            <a:r>
              <a:rPr lang="en-US" sz="3300" b="1" dirty="0" smtClean="0"/>
              <a:t>”</a:t>
            </a:r>
            <a:endParaRPr lang="en-US" dirty="0" smtClean="0"/>
          </a:p>
          <a:p>
            <a:pPr marL="273050" indent="-273050" algn="ctr" eaLnBrk="1" hangingPunct="1">
              <a:buFontTx/>
              <a:buNone/>
              <a:defRPr/>
            </a:pPr>
            <a:r>
              <a:rPr lang="en-US" sz="2200" dirty="0" smtClean="0"/>
              <a:t>“We need to grow much more food to feed the added population over coming decades”</a:t>
            </a:r>
          </a:p>
          <a:p>
            <a:pPr marL="273050" indent="-273050" eaLnBrk="1" hangingPunct="1">
              <a:buFontTx/>
              <a:buNone/>
              <a:defRPr/>
            </a:pPr>
            <a:r>
              <a:rPr lang="en-US" dirty="0" smtClean="0"/>
              <a:t> </a:t>
            </a:r>
          </a:p>
          <a:p>
            <a:pPr marL="273050" indent="-273050" algn="ctr" eaLnBrk="1" hangingPunct="1">
              <a:buFontTx/>
              <a:buNone/>
              <a:defRPr/>
            </a:pPr>
            <a:r>
              <a:rPr lang="en-US" dirty="0" smtClean="0"/>
              <a:t>From probably less land and with </a:t>
            </a:r>
            <a:r>
              <a:rPr lang="en-US" b="1" dirty="0" smtClean="0">
                <a:solidFill>
                  <a:srgbClr val="FF66FF"/>
                </a:solidFill>
              </a:rPr>
              <a:t>less available water</a:t>
            </a:r>
            <a:r>
              <a:rPr lang="en-US" dirty="0" smtClean="0"/>
              <a:t> than we have now</a:t>
            </a:r>
          </a:p>
          <a:p>
            <a:pPr marL="273050" indent="-273050" eaLnBrk="1" hangingPunct="1">
              <a:buFontTx/>
              <a:buNone/>
              <a:defRPr/>
            </a:pPr>
            <a:r>
              <a:rPr lang="en-US" dirty="0" smtClean="0">
                <a:solidFill>
                  <a:schemeClr val="accent2">
                    <a:lumMod val="75000"/>
                  </a:schemeClr>
                </a:solidFill>
              </a:rPr>
              <a:t>With much higher costs for energy, water and nutrients, in a much more hostile climate</a:t>
            </a:r>
          </a:p>
        </p:txBody>
      </p:sp>
    </p:spTree>
  </p:cSld>
  <p:clrMapOvr>
    <a:masterClrMapping/>
  </p:clrMapOvr>
  <p:transition spd="med"/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7522" name="WordArt 2"/>
          <p:cNvSpPr>
            <a:spLocks noChangeArrowheads="1" noChangeShapeType="1" noTextEdit="1"/>
          </p:cNvSpPr>
          <p:nvPr/>
        </p:nvSpPr>
        <p:spPr bwMode="auto">
          <a:xfrm>
            <a:off x="323850" y="2516188"/>
            <a:ext cx="7724775" cy="2863850"/>
          </a:xfrm>
          <a:prstGeom prst="rect">
            <a:avLst/>
          </a:prstGeom>
        </p:spPr>
        <p:txBody>
          <a:bodyPr wrap="none" fromWordArt="1">
            <a:prstTxWarp prst="textCascadeUp">
              <a:avLst>
                <a:gd name="adj" fmla="val 44444"/>
              </a:avLst>
            </a:prstTxWarp>
            <a:scene3d>
              <a:camera prst="legacyPerspectiveFront">
                <a:rot lat="20519990" lon="1080000" rev="0"/>
              </a:camera>
              <a:lightRig rig="legacyHarsh2" dir="b"/>
            </a:scene3d>
            <a:sp3d extrusionH="430200" prstMaterial="legacyMatte">
              <a:extrusionClr>
                <a:srgbClr val="FF6600"/>
              </a:extrusionClr>
            </a:sp3d>
          </a:bodyPr>
          <a:lstStyle/>
          <a:p>
            <a:pPr algn="ctr"/>
            <a:r>
              <a:rPr lang="en-US" sz="3600" b="1" kern="10">
                <a:ln w="9525">
                  <a:round/>
                  <a:headEnd/>
                  <a:tailEnd/>
                </a:ln>
                <a:gradFill rotWithShape="1">
                  <a:gsLst>
                    <a:gs pos="0">
                      <a:srgbClr val="FFE701"/>
                    </a:gs>
                    <a:gs pos="100000">
                      <a:srgbClr val="FE3E02"/>
                    </a:gs>
                  </a:gsLst>
                  <a:lin ang="5400000" scaled="1"/>
                </a:gradFill>
                <a:latin typeface="Impact"/>
              </a:rPr>
              <a:t>Thank You</a:t>
            </a:r>
          </a:p>
        </p:txBody>
      </p:sp>
    </p:spTree>
  </p:cSld>
  <p:clrMapOvr>
    <a:masterClrMapping/>
  </p:clrMapOvr>
  <p:transition spd="med"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31746" name="Picture 2"/>
          <p:cNvPicPr>
            <a:picLocks noRot="1" noChangeAspect="1" noChangeArrowheads="1"/>
          </p:cNvPicPr>
          <p:nvPr/>
        </p:nvPicPr>
        <p:blipFill>
          <a:blip r:embed="rId2" cstate="print"/>
          <a:srcRect b="8888"/>
          <a:stretch>
            <a:fillRect/>
          </a:stretch>
        </p:blipFill>
        <p:spPr bwMode="auto">
          <a:xfrm>
            <a:off x="0" y="0"/>
            <a:ext cx="9144000" cy="670560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</p:spPr>
      </p:pic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724994" name="Title 1"/>
          <p:cNvSpPr>
            <a:spLocks noGrp="1"/>
          </p:cNvSpPr>
          <p:nvPr>
            <p:ph type="title" idx="4294967295"/>
          </p:nvPr>
        </p:nvSpPr>
        <p:spPr>
          <a:xfrm>
            <a:off x="685800" y="304800"/>
            <a:ext cx="7772400" cy="1143000"/>
          </a:xfrm>
        </p:spPr>
        <p:txBody>
          <a:bodyPr lIns="92075" tIns="46038" rIns="92075" bIns="46038" anchor="ctr"/>
          <a:lstStyle/>
          <a:p>
            <a:r>
              <a:rPr lang="en-US"/>
              <a:t>Global Warming Potential</a:t>
            </a:r>
            <a:endParaRPr lang="en-GB"/>
          </a:p>
        </p:txBody>
      </p:sp>
      <p:sp>
        <p:nvSpPr>
          <p:cNvPr id="724995" name="TextBox 2"/>
          <p:cNvSpPr txBox="1">
            <a:spLocks noChangeArrowheads="1"/>
          </p:cNvSpPr>
          <p:nvPr/>
        </p:nvSpPr>
        <p:spPr bwMode="auto">
          <a:xfrm>
            <a:off x="423863" y="1371600"/>
            <a:ext cx="8305800" cy="28384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eaLnBrk="0" hangingPunct="0"/>
            <a:r>
              <a:rPr lang="en-GB" b="1">
                <a:latin typeface="Arial Black" pitchFamily="34" charset="0"/>
              </a:rPr>
              <a:t>Global warming potential</a:t>
            </a:r>
            <a:r>
              <a:rPr lang="en-GB">
                <a:latin typeface="Arial Black" pitchFamily="34" charset="0"/>
              </a:rPr>
              <a:t> (GWP) is a measure of how much a given mass of </a:t>
            </a:r>
            <a:r>
              <a:rPr lang="en-GB">
                <a:latin typeface="Arial Black" pitchFamily="34" charset="0"/>
                <a:hlinkClick r:id="rId3" action="ppaction://hlinkfile" tooltip="Greenhouse gas"/>
              </a:rPr>
              <a:t>greenhouse gas</a:t>
            </a:r>
            <a:r>
              <a:rPr lang="en-GB">
                <a:latin typeface="Arial Black" pitchFamily="34" charset="0"/>
              </a:rPr>
              <a:t> contributes to </a:t>
            </a:r>
            <a:r>
              <a:rPr lang="en-GB">
                <a:latin typeface="Arial Black" pitchFamily="34" charset="0"/>
                <a:hlinkClick r:id="rId4" action="ppaction://hlinkfile" tooltip="Global warming"/>
              </a:rPr>
              <a:t>global warming</a:t>
            </a:r>
            <a:r>
              <a:rPr lang="en-GB">
                <a:latin typeface="Arial Black" pitchFamily="34" charset="0"/>
              </a:rPr>
              <a:t>. It is a relative scale which compares that </a:t>
            </a:r>
            <a:r>
              <a:rPr lang="en-GB">
                <a:latin typeface="Arial Black" pitchFamily="34" charset="0"/>
                <a:hlinkClick r:id="rId5" action="ppaction://hlinkfile" tooltip="Gas"/>
              </a:rPr>
              <a:t>gas</a:t>
            </a:r>
            <a:r>
              <a:rPr lang="en-GB">
                <a:latin typeface="Arial Black" pitchFamily="34" charset="0"/>
              </a:rPr>
              <a:t> to the same mass of </a:t>
            </a:r>
            <a:r>
              <a:rPr lang="en-GB">
                <a:latin typeface="Arial Black" pitchFamily="34" charset="0"/>
                <a:hlinkClick r:id="rId6" action="ppaction://hlinkfile" tooltip="Carbon dioxide"/>
              </a:rPr>
              <a:t>carbon dioxide</a:t>
            </a:r>
            <a:r>
              <a:rPr lang="en-GB">
                <a:latin typeface="Arial Black" pitchFamily="34" charset="0"/>
              </a:rPr>
              <a:t>. </a:t>
            </a:r>
          </a:p>
          <a:p>
            <a:pPr eaLnBrk="0" hangingPunct="0"/>
            <a:endParaRPr lang="en-GB">
              <a:latin typeface="Arial Black" pitchFamily="34" charset="0"/>
            </a:endParaRPr>
          </a:p>
          <a:p>
            <a:pPr eaLnBrk="0" hangingPunct="0"/>
            <a:r>
              <a:rPr lang="en-GB">
                <a:latin typeface="Arial Black" pitchFamily="34" charset="0"/>
              </a:rPr>
              <a:t>The GWP depends on the following factors:</a:t>
            </a:r>
          </a:p>
          <a:p>
            <a:pPr lvl="1" eaLnBrk="0" hangingPunct="0">
              <a:buFont typeface="Arial" pitchFamily="34" charset="0"/>
              <a:buChar char="•"/>
            </a:pPr>
            <a:r>
              <a:rPr lang="en-GB">
                <a:latin typeface="Arial Black" pitchFamily="34" charset="0"/>
              </a:rPr>
              <a:t> the absorption of </a:t>
            </a:r>
            <a:r>
              <a:rPr lang="en-GB">
                <a:latin typeface="Arial Black" pitchFamily="34" charset="0"/>
                <a:hlinkClick r:id="rId7" action="ppaction://hlinkfile" tooltip="Infrared radiation"/>
              </a:rPr>
              <a:t>infrared radiation</a:t>
            </a:r>
            <a:r>
              <a:rPr lang="en-GB">
                <a:latin typeface="Arial Black" pitchFamily="34" charset="0"/>
              </a:rPr>
              <a:t> by a given species </a:t>
            </a:r>
          </a:p>
          <a:p>
            <a:pPr lvl="1" eaLnBrk="0" hangingPunct="0">
              <a:buFont typeface="Arial" pitchFamily="34" charset="0"/>
              <a:buChar char="•"/>
            </a:pPr>
            <a:r>
              <a:rPr lang="en-GB">
                <a:latin typeface="Arial Black" pitchFamily="34" charset="0"/>
              </a:rPr>
              <a:t> the spectral location of its absorbing wavelengths </a:t>
            </a:r>
          </a:p>
          <a:p>
            <a:pPr lvl="1" eaLnBrk="0" hangingPunct="0">
              <a:buFont typeface="Arial" pitchFamily="34" charset="0"/>
              <a:buChar char="•"/>
            </a:pPr>
            <a:r>
              <a:rPr lang="en-GB">
                <a:latin typeface="Arial Black" pitchFamily="34" charset="0"/>
              </a:rPr>
              <a:t> the atmospheric lifetime of the species </a:t>
            </a:r>
          </a:p>
          <a:p>
            <a:pPr eaLnBrk="0" hangingPunct="0"/>
            <a:endParaRPr lang="en-GB">
              <a:latin typeface="Arial Black" pitchFamily="34" charset="0"/>
            </a:endParaRPr>
          </a:p>
        </p:txBody>
      </p:sp>
      <p:graphicFrame>
        <p:nvGraphicFramePr>
          <p:cNvPr id="725043" name="Group 51"/>
          <p:cNvGraphicFramePr>
            <a:graphicFrameLocks noGrp="1"/>
          </p:cNvGraphicFramePr>
          <p:nvPr/>
        </p:nvGraphicFramePr>
        <p:xfrm>
          <a:off x="539750" y="4113213"/>
          <a:ext cx="8153400" cy="2482853"/>
        </p:xfrm>
        <a:graphic>
          <a:graphicData uri="http://schemas.openxmlformats.org/drawingml/2006/table">
            <a:tbl>
              <a:tblPr/>
              <a:tblGrid>
                <a:gridCol w="2971800"/>
                <a:gridCol w="914400"/>
                <a:gridCol w="1371600"/>
                <a:gridCol w="1447800"/>
                <a:gridCol w="1447800"/>
              </a:tblGrid>
              <a:tr h="414338">
                <a:tc rowSpan="2"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2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GWP values and lifetimes from 2007 IPCC AR4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rowSpan="2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2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Lifetime (years)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gridSpan="3"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2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GWP time horizon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</a:tr>
              <a:tr h="280988"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 vMerge="1">
                  <a:txBody>
                    <a:bodyPr/>
                    <a:lstStyle/>
                    <a:p>
                      <a:endParaRPr lang="en-US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2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20 years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2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00 years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chemeClr val="tx2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500 years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2575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  <a:hlinkClick r:id="" action="ppaction://hlinkfile"/>
                        </a:rPr>
                        <a:t>Methane</a:t>
                      </a:r>
                      <a:endParaRPr kumimoji="1" lang="en-GB" sz="1400" b="1" i="0" u="none" strike="noStrike" cap="none" normalizeH="0" baseline="0" smtClean="0">
                        <a:ln>
                          <a:noFill/>
                        </a:ln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/>
                          </a:outerShdw>
                        </a:effectLst>
                        <a:latin typeface="Tahoma" pitchFamily="34" charset="0"/>
                      </a:endParaRP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2 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72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25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7.6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988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  <a:hlinkClick r:id="" action="ppaction://hlinkfile"/>
                        </a:rPr>
                        <a:t>Nitrous oxide</a:t>
                      </a:r>
                      <a:endParaRPr kumimoji="1" lang="en-GB" sz="1400" b="1" i="0" u="none" strike="noStrike" cap="none" normalizeH="0" baseline="0" smtClean="0">
                        <a:ln>
                          <a:noFill/>
                        </a:ln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/>
                          </a:outerShdw>
                        </a:effectLst>
                        <a:latin typeface="Tahoma" pitchFamily="34" charset="0"/>
                      </a:endParaRP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14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31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298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53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471488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  <a:hlinkClick r:id="" action="ppaction://hlinkfile"/>
                        </a:rPr>
                        <a:t>HFC-23</a:t>
                      </a: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 (</a:t>
                      </a: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  <a:hlinkClick r:id="" action="ppaction://hlinkfile"/>
                        </a:rPr>
                        <a:t>hydrofluorocarbon</a:t>
                      </a: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)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27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200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480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220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471488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  <a:hlinkClick r:id="" action="ppaction://hlinkfile"/>
                        </a:rPr>
                        <a:t>HFC-134a</a:t>
                      </a: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 (</a:t>
                      </a: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  <a:hlinkClick r:id="" action="ppaction://hlinkfile"/>
                        </a:rPr>
                        <a:t>hydrofluorocarbon</a:t>
                      </a: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)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4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383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43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435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  <a:tr h="280988">
                <a:tc>
                  <a:txBody>
                    <a:bodyPr/>
                    <a:lstStyle/>
                    <a:p>
                      <a:pPr marL="0" marR="0" lvl="0" indent="0" algn="l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  <a:hlinkClick r:id="" action="ppaction://hlinkfile"/>
                        </a:rPr>
                        <a:t>Sulfur hexafluoride</a:t>
                      </a:r>
                      <a:endParaRPr kumimoji="1" lang="en-GB" sz="1400" b="1" i="0" u="none" strike="noStrike" cap="none" normalizeH="0" baseline="0" smtClean="0">
                        <a:ln>
                          <a:noFill/>
                        </a:ln>
                        <a:solidFill>
                          <a:srgbClr val="FFFFFF"/>
                        </a:solidFill>
                        <a:effectLst>
                          <a:outerShdw blurRad="38100" dist="38100" dir="2700000" algn="tl">
                            <a:srgbClr val="000000"/>
                          </a:outerShdw>
                        </a:effectLst>
                        <a:latin typeface="Tahoma" pitchFamily="34" charset="0"/>
                      </a:endParaRP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320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1630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2280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  <a:tc>
                  <a:txBody>
                    <a:bodyPr/>
                    <a:lstStyle/>
                    <a:p>
                      <a:pPr marL="0" marR="0" lvl="0" indent="0" algn="ctr" defTabSz="914400" rtl="0" eaLnBrk="1" fontAlgn="base" latinLnBrk="0" hangingPunct="1">
                        <a:lnSpc>
                          <a:spcPct val="100000"/>
                        </a:lnSpc>
                        <a:spcBef>
                          <a:spcPct val="0"/>
                        </a:spcBef>
                        <a:spcAft>
                          <a:spcPct val="0"/>
                        </a:spcAft>
                        <a:buClr>
                          <a:srgbClr val="FFCC00"/>
                        </a:buClr>
                        <a:buSzTx/>
                        <a:buFontTx/>
                        <a:buNone/>
                        <a:tabLst/>
                      </a:pPr>
                      <a:r>
                        <a:rPr kumimoji="1" lang="en-GB" sz="1400" b="1" i="0" u="none" strike="noStrike" cap="none" normalizeH="0" baseline="0" smtClean="0">
                          <a:ln>
                            <a:noFill/>
                          </a:ln>
                          <a:solidFill>
                            <a:srgbClr val="FFFFFF"/>
                          </a:solidFill>
                          <a:effectLst>
                            <a:outerShdw blurRad="38100" dist="38100" dir="2700000" algn="tl">
                              <a:srgbClr val="000000"/>
                            </a:outerShdw>
                          </a:effectLst>
                          <a:latin typeface="Tahoma" pitchFamily="34" charset="0"/>
                        </a:rPr>
                        <a:t>32600</a:t>
                      </a:r>
                    </a:p>
                  </a:txBody>
                  <a:tcPr marL="18850" marR="18850" marT="18850" marB="18850" anchor="ctr" horzOverflow="overflow">
                    <a:lnL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chemeClr val="tx1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>
                      <a:noFill/>
                    </a:lnTlToBr>
                    <a:lnBlToTr>
                      <a:noFill/>
                    </a:lnBlToTr>
                    <a:noFill/>
                  </a:tcPr>
                </a:tc>
              </a:tr>
            </a:tbl>
          </a:graphicData>
        </a:graphic>
      </p:graphicFrame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146" name="Rectangle 2"/>
          <p:cNvSpPr>
            <a:spLocks noGrp="1" noChangeArrowheads="1"/>
          </p:cNvSpPr>
          <p:nvPr>
            <p:ph type="title"/>
          </p:nvPr>
        </p:nvSpPr>
        <p:spPr>
          <a:xfrm>
            <a:off x="609600" y="228600"/>
            <a:ext cx="7924800" cy="792163"/>
          </a:xfrm>
        </p:spPr>
        <p:txBody>
          <a:bodyPr/>
          <a:lstStyle/>
          <a:p>
            <a:pPr eaLnBrk="1" hangingPunct="1"/>
            <a:r>
              <a:rPr lang="en-US" sz="4000" b="1" smtClean="0">
                <a:solidFill>
                  <a:srgbClr val="FF5050"/>
                </a:solidFill>
                <a:latin typeface="Tahoma" pitchFamily="34" charset="0"/>
                <a:cs typeface="Tahoma" pitchFamily="34" charset="0"/>
              </a:rPr>
              <a:t>2010 The Ever Warmest Year</a:t>
            </a:r>
          </a:p>
        </p:txBody>
      </p:sp>
      <p:sp>
        <p:nvSpPr>
          <p:cNvPr id="6147" name="Rectangle 3"/>
          <p:cNvSpPr>
            <a:spLocks noGrp="1" noChangeArrowheads="1"/>
          </p:cNvSpPr>
          <p:nvPr>
            <p:ph type="body" idx="1"/>
          </p:nvPr>
        </p:nvSpPr>
        <p:spPr>
          <a:xfrm>
            <a:off x="174172" y="5892800"/>
            <a:ext cx="8592458" cy="762000"/>
          </a:xfrm>
        </p:spPr>
        <p:txBody>
          <a:bodyPr/>
          <a:lstStyle/>
          <a:p>
            <a:pPr algn="just" eaLnBrk="1" hangingPunct="1">
              <a:lnSpc>
                <a:spcPct val="80000"/>
              </a:lnSpc>
              <a:buFontTx/>
              <a:buNone/>
            </a:pPr>
            <a:r>
              <a:rPr lang="en-US" sz="1800" dirty="0" smtClean="0">
                <a:latin typeface="Times New Roman" pitchFamily="18" charset="0"/>
                <a:cs typeface="Times New Roman" pitchFamily="18" charset="0"/>
              </a:rPr>
              <a:t>	2010 happened to be the warmest year in records dating back to 1880. The 2010 nominal value of 0.53°C ranks just ahead of those of 2005 (0.52°C) and 1998 (0.51°C),</a:t>
            </a:r>
          </a:p>
        </p:txBody>
      </p:sp>
      <p:pic>
        <p:nvPicPr>
          <p:cNvPr id="6148" name="Picture 4"/>
          <p:cNvPicPr>
            <a:picLocks noChangeAspect="1" noChangeArrowheads="1"/>
          </p:cNvPicPr>
          <p:nvPr/>
        </p:nvPicPr>
        <p:blipFill>
          <a:blip r:embed="rId2" cstate="print"/>
          <a:srcRect l="40454" t="33333" r="6250" b="11378"/>
          <a:stretch>
            <a:fillRect/>
          </a:stretch>
        </p:blipFill>
        <p:spPr bwMode="auto">
          <a:xfrm>
            <a:off x="580571" y="1447799"/>
            <a:ext cx="8113486" cy="441597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" name="TextBox 4"/>
          <p:cNvSpPr txBox="1"/>
          <p:nvPr/>
        </p:nvSpPr>
        <p:spPr>
          <a:xfrm>
            <a:off x="4151085" y="5007429"/>
            <a:ext cx="1175657" cy="27699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200" b="1" dirty="0" smtClean="0">
                <a:solidFill>
                  <a:srgbClr val="0033CC"/>
                </a:solidFill>
              </a:rPr>
              <a:t>(WMO 2012)</a:t>
            </a:r>
            <a:endParaRPr lang="en-US" sz="1200" b="1" dirty="0">
              <a:solidFill>
                <a:srgbClr val="0033CC"/>
              </a:solidFill>
            </a:endParaRPr>
          </a:p>
        </p:txBody>
      </p:sp>
    </p:spTree>
  </p:cSld>
  <p:clrMapOvr>
    <a:masterClrMapping/>
  </p:clrMapOvr>
  <p:transition spd="med"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66562" name="Picture 2" descr="http://3.bp.blogspot.com/-2hf8vcjsbvc/Ttjx78KpieI/AAAAAAAAQpM/X9arF9TGYo8/s1600/cri2012-map-neu3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0" y="0"/>
            <a:ext cx="9144000" cy="6858000"/>
          </a:xfrm>
          <a:prstGeom prst="rect">
            <a:avLst/>
          </a:prstGeom>
          <a:noFill/>
        </p:spPr>
      </p:pic>
      <p:sp>
        <p:nvSpPr>
          <p:cNvPr id="3" name="Slide Number Placeholder 2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3F792F09-DED8-44B7-B674-DCD5F5C5C53E}" type="slidenum">
              <a:rPr lang="en-US" smtClean="0"/>
              <a:pPr/>
              <a:t>7</a:t>
            </a:fld>
            <a:endParaRPr lang="en-US"/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5059" name="Picture 5"/>
          <p:cNvPicPr>
            <a:picLocks noGrp="1" noChangeAspect="1" noChangeArrowheads="1"/>
          </p:cNvPicPr>
          <p:nvPr>
            <p:ph type="body" idx="1"/>
          </p:nvPr>
        </p:nvPicPr>
        <p:blipFill>
          <a:blip r:embed="rId2" cstate="print"/>
          <a:srcRect/>
          <a:stretch>
            <a:fillRect/>
          </a:stretch>
        </p:blipFill>
        <p:spPr>
          <a:xfrm>
            <a:off x="580346" y="1667102"/>
            <a:ext cx="7978775" cy="4738687"/>
          </a:xfrm>
          <a:noFill/>
        </p:spPr>
      </p:pic>
      <p:sp>
        <p:nvSpPr>
          <p:cNvPr id="11271" name="Rectangle 7"/>
          <p:cNvSpPr>
            <a:spLocks noGrp="1" noChangeArrowheads="1"/>
          </p:cNvSpPr>
          <p:nvPr>
            <p:ph type="title"/>
          </p:nvPr>
        </p:nvSpPr>
        <p:spPr>
          <a:xfrm>
            <a:off x="348343" y="152400"/>
            <a:ext cx="8461828" cy="1066800"/>
          </a:xfrm>
        </p:spPr>
        <p:txBody>
          <a:bodyPr/>
          <a:lstStyle/>
          <a:p>
            <a:pPr eaLnBrk="1" hangingPunct="1">
              <a:defRPr/>
            </a:pPr>
            <a:r>
              <a:rPr lang="en-US" altLang="zh-CN" sz="3200" dirty="0" smtClean="0">
                <a:ea typeface="宋体" pitchFamily="2" charset="-122"/>
              </a:rPr>
              <a:t>Response of Glaciers to Climate Change</a:t>
            </a:r>
          </a:p>
        </p:txBody>
      </p:sp>
      <p:sp>
        <p:nvSpPr>
          <p:cNvPr id="8" name="TextBox 7"/>
          <p:cNvSpPr txBox="1"/>
          <p:nvPr/>
        </p:nvSpPr>
        <p:spPr>
          <a:xfrm>
            <a:off x="6749143" y="6386286"/>
            <a:ext cx="1553028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1400" b="1" dirty="0" smtClean="0"/>
              <a:t>IPCC 2007 AR4</a:t>
            </a:r>
            <a:endParaRPr lang="en-US" sz="1400" b="1" dirty="0"/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96418" name="Rectangle 2"/>
          <p:cNvSpPr>
            <a:spLocks noGrp="1" noChangeArrowheads="1"/>
          </p:cNvSpPr>
          <p:nvPr>
            <p:ph type="title"/>
          </p:nvPr>
        </p:nvSpPr>
        <p:spPr>
          <a:xfrm>
            <a:off x="1500188" y="152400"/>
            <a:ext cx="6477000" cy="1066800"/>
          </a:xfrm>
        </p:spPr>
        <p:txBody>
          <a:bodyPr/>
          <a:lstStyle/>
          <a:p>
            <a:pPr eaLnBrk="1" hangingPunct="1">
              <a:defRPr/>
            </a:pPr>
            <a:r>
              <a:rPr lang="en-US" altLang="zh-CN" sz="3200" smtClean="0">
                <a:ea typeface="宋体" pitchFamily="2" charset="-122"/>
              </a:rPr>
              <a:t>Siachen Glacier Past &amp; Present</a:t>
            </a:r>
          </a:p>
        </p:txBody>
      </p:sp>
      <p:sp>
        <p:nvSpPr>
          <p:cNvPr id="81923" name="Text Box 3"/>
          <p:cNvSpPr txBox="1">
            <a:spLocks noChangeArrowheads="1"/>
          </p:cNvSpPr>
          <p:nvPr/>
        </p:nvSpPr>
        <p:spPr bwMode="auto">
          <a:xfrm>
            <a:off x="5638800" y="1600200"/>
            <a:ext cx="2514600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altLang="zh-CN" b="1">
                <a:latin typeface="Arial" pitchFamily="34" charset="0"/>
                <a:ea typeface="宋体" pitchFamily="2" charset="-122"/>
              </a:rPr>
              <a:t>2006</a:t>
            </a:r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566738" y="2219325"/>
            <a:ext cx="3509962" cy="3255963"/>
            <a:chOff x="285" y="1398"/>
            <a:chExt cx="2211" cy="2051"/>
          </a:xfrm>
        </p:grpSpPr>
        <p:pic>
          <p:nvPicPr>
            <p:cNvPr id="81930" name="Picture 5" descr="Siachen-2000"/>
            <p:cNvPicPr>
              <a:picLocks noChangeAspect="1" noChangeArrowheads="1"/>
            </p:cNvPicPr>
            <p:nvPr/>
          </p:nvPicPr>
          <p:blipFill>
            <a:blip r:embed="rId2" cstate="print"/>
            <a:srcRect/>
            <a:stretch>
              <a:fillRect/>
            </a:stretch>
          </p:blipFill>
          <p:spPr bwMode="auto">
            <a:xfrm>
              <a:off x="285" y="1398"/>
              <a:ext cx="2211" cy="2051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81931" name="Oval 6"/>
            <p:cNvSpPr>
              <a:spLocks noChangeArrowheads="1"/>
            </p:cNvSpPr>
            <p:nvPr/>
          </p:nvSpPr>
          <p:spPr bwMode="auto">
            <a:xfrm rot="-1940297">
              <a:off x="1102" y="2400"/>
              <a:ext cx="432" cy="696"/>
            </a:xfrm>
            <a:prstGeom prst="ellipse">
              <a:avLst/>
            </a:prstGeom>
            <a:noFill/>
            <a:ln w="34925">
              <a:solidFill>
                <a:schemeClr val="accent2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</p:grpSp>
      <p:sp>
        <p:nvSpPr>
          <p:cNvPr id="81925" name="Text Box 7"/>
          <p:cNvSpPr txBox="1">
            <a:spLocks noChangeArrowheads="1"/>
          </p:cNvSpPr>
          <p:nvPr/>
        </p:nvSpPr>
        <p:spPr bwMode="auto">
          <a:xfrm>
            <a:off x="838200" y="1600200"/>
            <a:ext cx="2514600" cy="36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>
              <a:spcBef>
                <a:spcPct val="50000"/>
              </a:spcBef>
            </a:pPr>
            <a:r>
              <a:rPr lang="en-US" altLang="zh-CN" b="1">
                <a:latin typeface="Arial" pitchFamily="34" charset="0"/>
                <a:ea typeface="宋体" pitchFamily="2" charset="-122"/>
              </a:rPr>
              <a:t>2000</a:t>
            </a:r>
          </a:p>
        </p:txBody>
      </p:sp>
      <p:grpSp>
        <p:nvGrpSpPr>
          <p:cNvPr id="3" name="Group 8"/>
          <p:cNvGrpSpPr>
            <a:grpSpLocks/>
          </p:cNvGrpSpPr>
          <p:nvPr/>
        </p:nvGrpSpPr>
        <p:grpSpPr bwMode="auto">
          <a:xfrm>
            <a:off x="4889500" y="2224088"/>
            <a:ext cx="3517900" cy="3206750"/>
            <a:chOff x="2540" y="1410"/>
            <a:chExt cx="2216" cy="2020"/>
          </a:xfrm>
        </p:grpSpPr>
        <p:pic>
          <p:nvPicPr>
            <p:cNvPr id="81928" name="Picture 9" descr="Siachen-2006"/>
            <p:cNvPicPr>
              <a:picLocks noChangeAspect="1" noChangeArrowheads="1"/>
            </p:cNvPicPr>
            <p:nvPr/>
          </p:nvPicPr>
          <p:blipFill>
            <a:blip r:embed="rId3" cstate="print"/>
            <a:srcRect/>
            <a:stretch>
              <a:fillRect/>
            </a:stretch>
          </p:blipFill>
          <p:spPr bwMode="auto">
            <a:xfrm>
              <a:off x="2540" y="1410"/>
              <a:ext cx="2216" cy="2020"/>
            </a:xfrm>
            <a:prstGeom prst="rect">
              <a:avLst/>
            </a:prstGeom>
            <a:noFill/>
            <a:ln w="9525">
              <a:noFill/>
              <a:miter lim="800000"/>
              <a:headEnd/>
              <a:tailEnd/>
            </a:ln>
          </p:spPr>
        </p:pic>
        <p:sp>
          <p:nvSpPr>
            <p:cNvPr id="81929" name="Oval 10"/>
            <p:cNvSpPr>
              <a:spLocks noChangeArrowheads="1"/>
            </p:cNvSpPr>
            <p:nvPr/>
          </p:nvSpPr>
          <p:spPr bwMode="auto">
            <a:xfrm rot="-1940297">
              <a:off x="3250" y="2178"/>
              <a:ext cx="432" cy="696"/>
            </a:xfrm>
            <a:prstGeom prst="ellipse">
              <a:avLst/>
            </a:prstGeom>
            <a:noFill/>
            <a:ln w="34925">
              <a:solidFill>
                <a:schemeClr val="accent2"/>
              </a:solidFill>
              <a:round/>
              <a:headEnd/>
              <a:tailEnd/>
            </a:ln>
          </p:spPr>
          <p:txBody>
            <a:bodyPr wrap="none" anchor="ctr"/>
            <a:lstStyle/>
            <a:p>
              <a:endParaRPr lang="en-US"/>
            </a:p>
          </p:txBody>
        </p:sp>
      </p:grpSp>
      <p:sp>
        <p:nvSpPr>
          <p:cNvPr id="81927" name="Text Box 11"/>
          <p:cNvSpPr txBox="1">
            <a:spLocks noChangeArrowheads="1"/>
          </p:cNvSpPr>
          <p:nvPr/>
        </p:nvSpPr>
        <p:spPr bwMode="auto">
          <a:xfrm>
            <a:off x="530225" y="5729288"/>
            <a:ext cx="8212138" cy="4572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>
              <a:spcBef>
                <a:spcPct val="50000"/>
              </a:spcBef>
            </a:pPr>
            <a:r>
              <a:rPr lang="zh-CN" altLang="en-US" sz="2400" b="1" dirty="0">
                <a:solidFill>
                  <a:srgbClr val="66FF33"/>
                </a:solidFill>
                <a:latin typeface="Arial" pitchFamily="34" charset="0"/>
                <a:ea typeface="宋体" pitchFamily="2" charset="-122"/>
              </a:rPr>
              <a:t>*</a:t>
            </a:r>
            <a:r>
              <a:rPr lang="zh-CN" altLang="en-US" sz="2000" b="1" dirty="0">
                <a:solidFill>
                  <a:srgbClr val="66FF33"/>
                </a:solidFill>
                <a:latin typeface="Arial" pitchFamily="34" charset="0"/>
                <a:ea typeface="宋体" pitchFamily="2" charset="-122"/>
              </a:rPr>
              <a:t> </a:t>
            </a:r>
            <a:r>
              <a:rPr lang="en-US" altLang="zh-CN" sz="2000" b="1" dirty="0" err="1">
                <a:solidFill>
                  <a:srgbClr val="66FF33"/>
                </a:solidFill>
                <a:latin typeface="Arial" pitchFamily="34" charset="0"/>
                <a:ea typeface="宋体" pitchFamily="2" charset="-122"/>
              </a:rPr>
              <a:t>Siachen</a:t>
            </a:r>
            <a:r>
              <a:rPr lang="en-US" altLang="zh-CN" sz="2000" b="1" dirty="0">
                <a:solidFill>
                  <a:srgbClr val="66FF33"/>
                </a:solidFill>
                <a:latin typeface="Arial" pitchFamily="34" charset="0"/>
                <a:ea typeface="宋体" pitchFamily="2" charset="-122"/>
              </a:rPr>
              <a:t> Glacier has been retreated about 3.8 Km in last </a:t>
            </a:r>
            <a:r>
              <a:rPr lang="en-US" altLang="zh-CN" sz="2000" b="1" dirty="0" smtClean="0">
                <a:solidFill>
                  <a:srgbClr val="66FF33"/>
                </a:solidFill>
                <a:latin typeface="Arial" pitchFamily="34" charset="0"/>
                <a:ea typeface="宋体" pitchFamily="2" charset="-122"/>
              </a:rPr>
              <a:t>17 years</a:t>
            </a:r>
            <a:endParaRPr lang="en-US" altLang="zh-CN" sz="2000" b="1" dirty="0">
              <a:solidFill>
                <a:srgbClr val="66FF33"/>
              </a:solidFill>
              <a:latin typeface="Arial" pitchFamily="34" charset="0"/>
              <a:ea typeface="宋体" pitchFamily="2" charset="-122"/>
            </a:endParaRPr>
          </a:p>
        </p:txBody>
      </p:sp>
    </p:spTree>
  </p:cSld>
  <p:clrMapOvr>
    <a:masterClrMapping/>
  </p:clrMapOvr>
  <p:transition spd="med"/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Whirlpool">
  <a:themeElements>
    <a:clrScheme name="">
      <a:dk1>
        <a:srgbClr val="000000"/>
      </a:dk1>
      <a:lt1>
        <a:srgbClr val="FFFFFF"/>
      </a:lt1>
      <a:dk2>
        <a:srgbClr val="000099"/>
      </a:dk2>
      <a:lt2>
        <a:srgbClr val="FFFF00"/>
      </a:lt2>
      <a:accent1>
        <a:srgbClr val="FFFF00"/>
      </a:accent1>
      <a:accent2>
        <a:srgbClr val="FF9900"/>
      </a:accent2>
      <a:accent3>
        <a:srgbClr val="AAAACA"/>
      </a:accent3>
      <a:accent4>
        <a:srgbClr val="DADADA"/>
      </a:accent4>
      <a:accent5>
        <a:srgbClr val="FFFFAA"/>
      </a:accent5>
      <a:accent6>
        <a:srgbClr val="E78A00"/>
      </a:accent6>
      <a:hlink>
        <a:srgbClr val="FF6600"/>
      </a:hlink>
      <a:folHlink>
        <a:srgbClr val="990000"/>
      </a:folHlink>
    </a:clrScheme>
    <a:fontScheme name="Whirlpool">
      <a:majorFont>
        <a:latin typeface="Tahoma"/>
        <a:ea typeface=""/>
        <a:cs typeface=""/>
      </a:majorFont>
      <a:minorFont>
        <a:latin typeface="Tahoma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Whirlpool 1">
        <a:dk1>
          <a:srgbClr val="000066"/>
        </a:dk1>
        <a:lt1>
          <a:srgbClr val="CCECFF"/>
        </a:lt1>
        <a:dk2>
          <a:srgbClr val="0000CC"/>
        </a:dk2>
        <a:lt2>
          <a:srgbClr val="CCFFFF"/>
        </a:lt2>
        <a:accent1>
          <a:srgbClr val="CC99FF"/>
        </a:accent1>
        <a:accent2>
          <a:srgbClr val="9999FF"/>
        </a:accent2>
        <a:accent3>
          <a:srgbClr val="AAAAE2"/>
        </a:accent3>
        <a:accent4>
          <a:srgbClr val="AEC9DA"/>
        </a:accent4>
        <a:accent5>
          <a:srgbClr val="E2CAFF"/>
        </a:accent5>
        <a:accent6>
          <a:srgbClr val="8A8AE7"/>
        </a:accent6>
        <a:hlink>
          <a:srgbClr val="99CCFF"/>
        </a:hlink>
        <a:folHlink>
          <a:srgbClr val="0066FF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Whirlpool 2">
        <a:dk1>
          <a:srgbClr val="000066"/>
        </a:dk1>
        <a:lt1>
          <a:srgbClr val="CCECFF"/>
        </a:lt1>
        <a:dk2>
          <a:srgbClr val="6699FF"/>
        </a:dk2>
        <a:lt2>
          <a:srgbClr val="CCFFFF"/>
        </a:lt2>
        <a:accent1>
          <a:srgbClr val="CC99FF"/>
        </a:accent1>
        <a:accent2>
          <a:srgbClr val="9999FF"/>
        </a:accent2>
        <a:accent3>
          <a:srgbClr val="B8CAFF"/>
        </a:accent3>
        <a:accent4>
          <a:srgbClr val="AEC9DA"/>
        </a:accent4>
        <a:accent5>
          <a:srgbClr val="E2CAFF"/>
        </a:accent5>
        <a:accent6>
          <a:srgbClr val="8A8AE7"/>
        </a:accent6>
        <a:hlink>
          <a:srgbClr val="99CCFF"/>
        </a:hlink>
        <a:folHlink>
          <a:srgbClr val="0066FF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Whirlpool 3">
        <a:dk1>
          <a:srgbClr val="000000"/>
        </a:dk1>
        <a:lt1>
          <a:srgbClr val="FFFFFF"/>
        </a:lt1>
        <a:dk2>
          <a:srgbClr val="000000"/>
        </a:dk2>
        <a:lt2>
          <a:srgbClr val="393939"/>
        </a:lt2>
        <a:accent1>
          <a:srgbClr val="CBCBCB"/>
        </a:accent1>
        <a:accent2>
          <a:srgbClr val="868686"/>
        </a:accent2>
        <a:accent3>
          <a:srgbClr val="FFFFFF"/>
        </a:accent3>
        <a:accent4>
          <a:srgbClr val="000000"/>
        </a:accent4>
        <a:accent5>
          <a:srgbClr val="E2E2E2"/>
        </a:accent5>
        <a:accent6>
          <a:srgbClr val="797979"/>
        </a:accent6>
        <a:hlink>
          <a:srgbClr val="4D4D4D"/>
        </a:hlink>
        <a:folHlink>
          <a:srgbClr val="EAEAEA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ppt/theme/theme2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00CC99"/>
      </a:accent1>
      <a:accent2>
        <a:srgbClr val="3333CC"/>
      </a:accent2>
      <a:accent3>
        <a:srgbClr val="FFFFFF"/>
      </a:accent3>
      <a:accent4>
        <a:srgbClr val="000000"/>
      </a:accent4>
      <a:accent5>
        <a:srgbClr val="AAE2CA"/>
      </a:accent5>
      <a:accent6>
        <a:srgbClr val="2D2DB9"/>
      </a:accent6>
      <a:hlink>
        <a:srgbClr val="CCCCFF"/>
      </a:hlink>
      <a:folHlink>
        <a:srgbClr val="B2B2B2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Ocean</Template>
  <TotalTime>16700</TotalTime>
  <Words>1068</Words>
  <Application>Microsoft Office PowerPoint</Application>
  <PresentationFormat>On-screen Show (4:3)</PresentationFormat>
  <Paragraphs>185</Paragraphs>
  <Slides>33</Slides>
  <Notes>3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33</vt:i4>
      </vt:variant>
    </vt:vector>
  </HeadingPairs>
  <TitlesOfParts>
    <vt:vector size="34" baseType="lpstr">
      <vt:lpstr>Whirlpool</vt:lpstr>
      <vt:lpstr>   </vt:lpstr>
      <vt:lpstr>Slide 2</vt:lpstr>
      <vt:lpstr>Slide 3</vt:lpstr>
      <vt:lpstr>Slide 4</vt:lpstr>
      <vt:lpstr>Global Warming Potential</vt:lpstr>
      <vt:lpstr>2010 The Ever Warmest Year</vt:lpstr>
      <vt:lpstr>Slide 7</vt:lpstr>
      <vt:lpstr>Response of Glaciers to Climate Change</vt:lpstr>
      <vt:lpstr>Siachen Glacier Past &amp; Present</vt:lpstr>
      <vt:lpstr>Sea Level Rise along Pakistan Coast</vt:lpstr>
      <vt:lpstr>Areas of Heat Waves in South Asia</vt:lpstr>
      <vt:lpstr>Tropical Cyclones Tracks vs. Inensity 1985-2005</vt:lpstr>
      <vt:lpstr>Slide 13</vt:lpstr>
      <vt:lpstr>Slide 14</vt:lpstr>
      <vt:lpstr>Slide 15</vt:lpstr>
      <vt:lpstr>Annual Mean Precipitation(mm)1901-2011</vt:lpstr>
      <vt:lpstr>Annual Mean Temperature(oC)1901-2011</vt:lpstr>
      <vt:lpstr>Annual Mean Minimum Temperature(oC)1901-2011</vt:lpstr>
      <vt:lpstr>Slide 19</vt:lpstr>
      <vt:lpstr> Flow data below Kotri Barrage</vt:lpstr>
      <vt:lpstr>Wheat Warmer February </vt:lpstr>
      <vt:lpstr>Wheat Warmer March 2010</vt:lpstr>
      <vt:lpstr>Future Projections of Temperature</vt:lpstr>
      <vt:lpstr>Rainfall Projections for Sindh</vt:lpstr>
      <vt:lpstr>Major Challenges </vt:lpstr>
      <vt:lpstr>Major Challenges  (Conti…)</vt:lpstr>
      <vt:lpstr>Major Challenges  (Conti…)</vt:lpstr>
      <vt:lpstr>Recommendations</vt:lpstr>
      <vt:lpstr>Recommendations (Conti…)</vt:lpstr>
      <vt:lpstr>Recommendations (Conti…)</vt:lpstr>
      <vt:lpstr>Recommendations (Conti…)</vt:lpstr>
      <vt:lpstr>Summary</vt:lpstr>
      <vt:lpstr>Slide 33</vt:lpstr>
    </vt:vector>
  </TitlesOfParts>
  <Company>Asian Development Bank</Company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o Slide Title</dc:title>
  <dc:creator>OIST</dc:creator>
  <cp:lastModifiedBy>Ghulam Rasul</cp:lastModifiedBy>
  <cp:revision>772</cp:revision>
  <dcterms:created xsi:type="dcterms:W3CDTF">2001-07-04T00:56:57Z</dcterms:created>
  <dcterms:modified xsi:type="dcterms:W3CDTF">2013-02-28T03:25:09Z</dcterms:modified>
</cp:coreProperties>
</file>